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metadata.xml" ContentType="application/vnd.openxmlformats-officedocument.spreadsheetml.sheetMetadata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2527"/>
  <workbookPr defaultThemeVersion="166925"/>
  <mc:AlternateContent xmlns:mc="http://schemas.openxmlformats.org/markup-compatibility/2006">
    <mc:Choice Requires="x15">
      <x15ac:absPath xmlns:x15ac="http://schemas.microsoft.com/office/spreadsheetml/2010/11/ac" url="D:\dokumentumok\komal\info\i521\"/>
    </mc:Choice>
  </mc:AlternateContent>
  <xr:revisionPtr revIDLastSave="0" documentId="13_ncr:1_{71F685F7-CE39-4173-82B3-E24794820F35}" xr6:coauthVersionLast="45" xr6:coauthVersionMax="45" xr10:uidLastSave="{00000000-0000-0000-0000-000000000000}"/>
  <bookViews>
    <workbookView xWindow="-120" yWindow="-120" windowWidth="29040" windowHeight="15840" xr2:uid="{4C8CF8DE-DFAD-44C0-AD2A-10552DA50D1A}"/>
  </bookViews>
  <sheets>
    <sheet name="lampak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</xcalcf:calcFeatures>
    </ext>
  </extLst>
</workbook>
</file>

<file path=xl/calcChain.xml><?xml version="1.0" encoding="utf-8"?>
<calcChain xmlns="http://schemas.openxmlformats.org/spreadsheetml/2006/main">
  <c r="H2" i="1" l="1"/>
  <c r="B4" i="1" a="1"/>
  <c r="B4" i="1" s="1"/>
  <c r="B5" i="1" a="1"/>
  <c r="B5" i="1" s="1"/>
  <c r="B6" i="1" a="1"/>
  <c r="B6" i="1" s="1"/>
  <c r="B7" i="1" a="1"/>
  <c r="B7" i="1" s="1"/>
  <c r="B8" i="1" a="1"/>
  <c r="B8" i="1" s="1"/>
  <c r="B9" i="1" a="1"/>
  <c r="B9" i="1" s="1"/>
  <c r="B10" i="1" a="1"/>
  <c r="B10" i="1" s="1"/>
  <c r="B11" i="1" a="1"/>
  <c r="B11" i="1" s="1"/>
  <c r="B12" i="1" a="1"/>
  <c r="B12" i="1" s="1"/>
  <c r="B13" i="1" a="1"/>
  <c r="B13" i="1" s="1"/>
  <c r="B14" i="1" a="1"/>
  <c r="B14" i="1" s="1"/>
  <c r="B15" i="1" a="1"/>
  <c r="B15" i="1" s="1"/>
  <c r="B16" i="1" a="1"/>
  <c r="B16" i="1" s="1"/>
  <c r="B17" i="1" a="1"/>
  <c r="B17" i="1" s="1"/>
  <c r="B18" i="1" a="1"/>
  <c r="B18" i="1" s="1"/>
  <c r="B19" i="1" a="1"/>
  <c r="B19" i="1" s="1"/>
  <c r="B20" i="1" a="1"/>
  <c r="B20" i="1" s="1"/>
  <c r="B21" i="1" a="1"/>
  <c r="B21" i="1" s="1"/>
  <c r="B22" i="1" a="1"/>
  <c r="B22" i="1" s="1"/>
  <c r="B23" i="1" a="1"/>
  <c r="B23" i="1" s="1"/>
  <c r="B24" i="1" a="1"/>
  <c r="B24" i="1" s="1"/>
  <c r="B25" i="1" a="1"/>
  <c r="B25" i="1" s="1"/>
  <c r="B26" i="1" a="1"/>
  <c r="B26" i="1" s="1"/>
  <c r="B27" i="1" a="1"/>
  <c r="B27" i="1" s="1"/>
  <c r="B28" i="1" a="1"/>
  <c r="B28" i="1" s="1"/>
  <c r="B29" i="1" a="1"/>
  <c r="B29" i="1" s="1"/>
  <c r="B30" i="1" a="1"/>
  <c r="B30" i="1" s="1"/>
  <c r="B31" i="1" a="1"/>
  <c r="B31" i="1" s="1"/>
  <c r="B32" i="1" a="1"/>
  <c r="B32" i="1" s="1"/>
  <c r="B33" i="1" a="1"/>
  <c r="B33" i="1" s="1"/>
  <c r="B34" i="1" a="1"/>
  <c r="B34" i="1" s="1"/>
  <c r="B35" i="1" a="1"/>
  <c r="B35" i="1" s="1"/>
  <c r="B36" i="1" a="1"/>
  <c r="B36" i="1" s="1"/>
  <c r="B37" i="1" a="1"/>
  <c r="B37" i="1" s="1"/>
  <c r="B38" i="1" a="1"/>
  <c r="B38" i="1" s="1"/>
  <c r="B39" i="1" a="1"/>
  <c r="B39" i="1" s="1"/>
  <c r="B40" i="1" a="1"/>
  <c r="B40" i="1" s="1"/>
  <c r="B41" i="1" a="1"/>
  <c r="B41" i="1" s="1"/>
  <c r="B42" i="1" a="1"/>
  <c r="B42" i="1" s="1"/>
  <c r="B43" i="1" a="1"/>
  <c r="B43" i="1" s="1"/>
  <c r="B44" i="1" a="1"/>
  <c r="B44" i="1" s="1"/>
  <c r="B45" i="1" a="1"/>
  <c r="B45" i="1" s="1"/>
  <c r="B46" i="1" a="1"/>
  <c r="B46" i="1" s="1"/>
  <c r="B47" i="1" a="1"/>
  <c r="B47" i="1" s="1"/>
  <c r="B48" i="1" a="1"/>
  <c r="B48" i="1" s="1"/>
  <c r="B49" i="1" a="1"/>
  <c r="B49" i="1" s="1"/>
  <c r="B50" i="1" a="1"/>
  <c r="B50" i="1" s="1"/>
  <c r="B51" i="1" a="1"/>
  <c r="B51" i="1" s="1"/>
  <c r="B52" i="1" a="1"/>
  <c r="B52" i="1" s="1"/>
  <c r="B53" i="1" a="1"/>
  <c r="B53" i="1" s="1"/>
  <c r="B54" i="1" a="1"/>
  <c r="B54" i="1" s="1"/>
  <c r="B55" i="1" a="1"/>
  <c r="B55" i="1" s="1"/>
  <c r="B56" i="1" a="1"/>
  <c r="B56" i="1" s="1"/>
  <c r="B57" i="1" a="1"/>
  <c r="B57" i="1" s="1"/>
  <c r="B58" i="1" a="1"/>
  <c r="B58" i="1" s="1"/>
  <c r="B59" i="1" a="1"/>
  <c r="B59" i="1" s="1"/>
  <c r="B60" i="1" a="1"/>
  <c r="B60" i="1" s="1"/>
  <c r="B61" i="1" a="1"/>
  <c r="B61" i="1" s="1"/>
  <c r="B62" i="1" a="1"/>
  <c r="B62" i="1" s="1"/>
  <c r="B63" i="1" a="1"/>
  <c r="B63" i="1" s="1"/>
  <c r="B64" i="1" a="1"/>
  <c r="B64" i="1" s="1"/>
  <c r="B65" i="1" a="1"/>
  <c r="B65" i="1" s="1"/>
  <c r="B66" i="1" a="1"/>
  <c r="B66" i="1" s="1"/>
  <c r="B67" i="1" a="1"/>
  <c r="B67" i="1" s="1"/>
  <c r="B68" i="1" a="1"/>
  <c r="B68" i="1" s="1"/>
  <c r="B69" i="1" a="1"/>
  <c r="B69" i="1" s="1"/>
  <c r="B70" i="1" a="1"/>
  <c r="B70" i="1" s="1"/>
  <c r="B71" i="1" a="1"/>
  <c r="B71" i="1" s="1"/>
  <c r="B72" i="1" a="1"/>
  <c r="B72" i="1" s="1"/>
  <c r="B73" i="1" a="1"/>
  <c r="B73" i="1" s="1"/>
  <c r="B74" i="1" a="1"/>
  <c r="B74" i="1" s="1"/>
  <c r="B75" i="1" a="1"/>
  <c r="B75" i="1" s="1"/>
  <c r="B76" i="1" a="1"/>
  <c r="B76" i="1" s="1"/>
  <c r="B77" i="1" a="1"/>
  <c r="B77" i="1" s="1"/>
  <c r="B78" i="1" a="1"/>
  <c r="B78" i="1" s="1"/>
  <c r="B79" i="1" a="1"/>
  <c r="B79" i="1" s="1"/>
  <c r="B80" i="1" a="1"/>
  <c r="B80" i="1" s="1"/>
  <c r="B81" i="1" a="1"/>
  <c r="B81" i="1" s="1"/>
  <c r="B82" i="1" a="1"/>
  <c r="B82" i="1" s="1"/>
  <c r="B83" i="1" a="1"/>
  <c r="B83" i="1" s="1"/>
  <c r="B84" i="1" a="1"/>
  <c r="B84" i="1" s="1"/>
  <c r="B85" i="1" a="1"/>
  <c r="B85" i="1" s="1"/>
  <c r="B86" i="1" a="1"/>
  <c r="B86" i="1" s="1"/>
  <c r="B87" i="1" a="1"/>
  <c r="B87" i="1" s="1"/>
  <c r="B88" i="1" a="1"/>
  <c r="B88" i="1" s="1"/>
  <c r="B89" i="1" a="1"/>
  <c r="B89" i="1" s="1"/>
  <c r="B90" i="1" a="1"/>
  <c r="B90" i="1" s="1"/>
  <c r="B91" i="1" a="1"/>
  <c r="B91" i="1" s="1"/>
  <c r="B92" i="1" a="1"/>
  <c r="B92" i="1" s="1"/>
  <c r="B93" i="1" a="1"/>
  <c r="B93" i="1" s="1"/>
  <c r="B94" i="1" a="1"/>
  <c r="B94" i="1" s="1"/>
  <c r="B95" i="1" a="1"/>
  <c r="B95" i="1" s="1"/>
  <c r="B96" i="1" a="1"/>
  <c r="B96" i="1" s="1"/>
  <c r="B97" i="1" a="1"/>
  <c r="B97" i="1" s="1"/>
  <c r="B98" i="1" a="1"/>
  <c r="B98" i="1" s="1"/>
  <c r="B99" i="1" a="1"/>
  <c r="B99" i="1" s="1"/>
  <c r="B100" i="1" a="1"/>
  <c r="B100" i="1" s="1"/>
  <c r="B101" i="1" a="1"/>
  <c r="B101" i="1" s="1"/>
  <c r="B102" i="1" a="1"/>
  <c r="B102" i="1" s="1"/>
  <c r="B3" i="1" a="1"/>
  <c r="B3" i="1" s="1"/>
  <c r="E3" i="1" s="1"/>
  <c r="C3" i="1" l="1"/>
  <c r="E4" i="1"/>
  <c r="E5" i="1" s="1"/>
  <c r="E6" i="1" s="1"/>
  <c r="D3" i="1"/>
  <c r="D4" i="1" s="1"/>
  <c r="D5" i="1" s="1"/>
  <c r="D6" i="1" s="1"/>
  <c r="D7" i="1" s="1"/>
  <c r="D8" i="1" s="1"/>
  <c r="D9" i="1" s="1"/>
  <c r="D10" i="1" s="1"/>
  <c r="D11" i="1" s="1"/>
  <c r="D12" i="1" s="1"/>
  <c r="D13" i="1" s="1"/>
  <c r="D14" i="1" s="1"/>
  <c r="D15" i="1" s="1"/>
  <c r="D16" i="1" s="1"/>
  <c r="D17" i="1" s="1"/>
  <c r="D18" i="1" s="1"/>
  <c r="D19" i="1" s="1"/>
  <c r="D20" i="1" s="1"/>
  <c r="D21" i="1" s="1"/>
  <c r="D22" i="1" s="1"/>
  <c r="D23" i="1" s="1"/>
  <c r="D24" i="1" s="1"/>
  <c r="D25" i="1" s="1"/>
  <c r="D26" i="1" s="1"/>
  <c r="D27" i="1" s="1"/>
  <c r="D28" i="1" s="1"/>
  <c r="D29" i="1" s="1"/>
  <c r="D30" i="1" s="1"/>
  <c r="D31" i="1" s="1"/>
  <c r="D32" i="1" s="1"/>
  <c r="D33" i="1" s="1"/>
  <c r="D34" i="1" s="1"/>
  <c r="D35" i="1" s="1"/>
  <c r="D36" i="1" s="1"/>
  <c r="D37" i="1" s="1"/>
  <c r="D38" i="1" s="1"/>
  <c r="D39" i="1" s="1"/>
  <c r="D40" i="1" s="1"/>
  <c r="D41" i="1" s="1"/>
  <c r="D42" i="1" s="1"/>
  <c r="D43" i="1" s="1"/>
  <c r="D44" i="1" s="1"/>
  <c r="D45" i="1" s="1"/>
  <c r="D46" i="1" s="1"/>
  <c r="D47" i="1" s="1"/>
  <c r="D48" i="1" s="1"/>
  <c r="D49" i="1" s="1"/>
  <c r="D50" i="1" s="1"/>
  <c r="D51" i="1" s="1"/>
  <c r="D52" i="1" s="1"/>
  <c r="D53" i="1" s="1"/>
  <c r="D54" i="1" s="1"/>
  <c r="D55" i="1" s="1"/>
  <c r="D56" i="1" s="1"/>
  <c r="D57" i="1" s="1"/>
  <c r="D58" i="1" s="1"/>
  <c r="D59" i="1" s="1"/>
  <c r="D60" i="1" s="1"/>
  <c r="D61" i="1" s="1"/>
  <c r="D62" i="1" s="1"/>
  <c r="D63" i="1" s="1"/>
  <c r="D64" i="1" s="1"/>
  <c r="D65" i="1" s="1"/>
  <c r="D66" i="1" s="1"/>
  <c r="D67" i="1" s="1"/>
  <c r="D68" i="1" s="1"/>
  <c r="D69" i="1" s="1"/>
  <c r="D70" i="1" s="1"/>
  <c r="D71" i="1" s="1"/>
  <c r="D72" i="1" s="1"/>
  <c r="D73" i="1" s="1"/>
  <c r="D74" i="1" s="1"/>
  <c r="D75" i="1" s="1"/>
  <c r="D76" i="1" s="1"/>
  <c r="D77" i="1" s="1"/>
  <c r="D78" i="1" s="1"/>
  <c r="D79" i="1" s="1"/>
  <c r="D80" i="1" s="1"/>
  <c r="D81" i="1" s="1"/>
  <c r="D82" i="1" s="1"/>
  <c r="D83" i="1" s="1"/>
  <c r="D84" i="1" s="1"/>
  <c r="D85" i="1" s="1"/>
  <c r="D86" i="1" s="1"/>
  <c r="D87" i="1" s="1"/>
  <c r="D88" i="1" s="1"/>
  <c r="D89" i="1" s="1"/>
  <c r="D90" i="1" s="1"/>
  <c r="D91" i="1" s="1"/>
  <c r="D92" i="1" s="1"/>
  <c r="D93" i="1" s="1"/>
  <c r="D94" i="1" s="1"/>
  <c r="D95" i="1" s="1"/>
  <c r="D96" i="1" s="1"/>
  <c r="D97" i="1" s="1"/>
  <c r="D98" i="1" s="1"/>
  <c r="D99" i="1" s="1"/>
  <c r="D100" i="1" s="1"/>
  <c r="D101" i="1" s="1"/>
  <c r="D102" i="1" s="1"/>
  <c r="F3" i="1"/>
  <c r="F4" i="1" s="1"/>
  <c r="F5" i="1" s="1"/>
  <c r="F6" i="1" s="1"/>
  <c r="F7" i="1" s="1"/>
  <c r="F8" i="1" s="1"/>
  <c r="F9" i="1" s="1"/>
  <c r="F10" i="1" s="1"/>
  <c r="F11" i="1" s="1"/>
  <c r="F12" i="1" s="1"/>
  <c r="F13" i="1" s="1"/>
  <c r="F14" i="1" s="1"/>
  <c r="F15" i="1" s="1"/>
  <c r="F16" i="1" s="1"/>
  <c r="F17" i="1" s="1"/>
  <c r="F18" i="1" s="1"/>
  <c r="F19" i="1" s="1"/>
  <c r="F20" i="1" s="1"/>
  <c r="F21" i="1" s="1"/>
  <c r="F22" i="1" s="1"/>
  <c r="F23" i="1" s="1"/>
  <c r="F24" i="1" s="1"/>
  <c r="F25" i="1" s="1"/>
  <c r="F26" i="1" s="1"/>
  <c r="F27" i="1" s="1"/>
  <c r="F28" i="1" s="1"/>
  <c r="F29" i="1" s="1"/>
  <c r="F30" i="1" s="1"/>
  <c r="F31" i="1" s="1"/>
  <c r="F32" i="1" s="1"/>
  <c r="F33" i="1" s="1"/>
  <c r="F34" i="1" s="1"/>
  <c r="F35" i="1" s="1"/>
  <c r="F36" i="1" s="1"/>
  <c r="F37" i="1" s="1"/>
  <c r="F38" i="1" s="1"/>
  <c r="F39" i="1" s="1"/>
  <c r="F40" i="1" s="1"/>
  <c r="F41" i="1" s="1"/>
  <c r="F42" i="1" s="1"/>
  <c r="F43" i="1" s="1"/>
  <c r="F44" i="1" s="1"/>
  <c r="F45" i="1" s="1"/>
  <c r="F46" i="1" s="1"/>
  <c r="F47" i="1" s="1"/>
  <c r="F48" i="1" s="1"/>
  <c r="F49" i="1" s="1"/>
  <c r="F50" i="1" s="1"/>
  <c r="F51" i="1" s="1"/>
  <c r="F52" i="1" s="1"/>
  <c r="F53" i="1" s="1"/>
  <c r="F54" i="1" s="1"/>
  <c r="F55" i="1" s="1"/>
  <c r="F56" i="1" s="1"/>
  <c r="F57" i="1" s="1"/>
  <c r="F58" i="1" s="1"/>
  <c r="F59" i="1" s="1"/>
  <c r="F60" i="1" s="1"/>
  <c r="F61" i="1" s="1"/>
  <c r="F62" i="1" s="1"/>
  <c r="F63" i="1" s="1"/>
  <c r="F64" i="1" s="1"/>
  <c r="F65" i="1" s="1"/>
  <c r="F66" i="1" s="1"/>
  <c r="F67" i="1" s="1"/>
  <c r="F68" i="1" s="1"/>
  <c r="F69" i="1" s="1"/>
  <c r="F70" i="1" s="1"/>
  <c r="F71" i="1" s="1"/>
  <c r="F72" i="1" s="1"/>
  <c r="F73" i="1" s="1"/>
  <c r="F74" i="1" s="1"/>
  <c r="F75" i="1" s="1"/>
  <c r="F76" i="1" s="1"/>
  <c r="F77" i="1" s="1"/>
  <c r="F78" i="1" s="1"/>
  <c r="F79" i="1" s="1"/>
  <c r="F80" i="1" s="1"/>
  <c r="F81" i="1" s="1"/>
  <c r="F82" i="1" s="1"/>
  <c r="F83" i="1" s="1"/>
  <c r="F84" i="1" s="1"/>
  <c r="F85" i="1" s="1"/>
  <c r="F86" i="1" s="1"/>
  <c r="F87" i="1" s="1"/>
  <c r="F88" i="1" s="1"/>
  <c r="F89" i="1" s="1"/>
  <c r="F90" i="1" s="1"/>
  <c r="F91" i="1" s="1"/>
  <c r="F92" i="1" s="1"/>
  <c r="F93" i="1" s="1"/>
  <c r="F94" i="1" s="1"/>
  <c r="F95" i="1" s="1"/>
  <c r="F96" i="1" s="1"/>
  <c r="F97" i="1" s="1"/>
  <c r="F98" i="1" s="1"/>
  <c r="F99" i="1" s="1"/>
  <c r="F100" i="1" s="1"/>
  <c r="F101" i="1" s="1"/>
  <c r="F102" i="1" s="1"/>
  <c r="G3" i="1"/>
  <c r="G4" i="1" s="1"/>
  <c r="G5" i="1" s="1"/>
  <c r="G6" i="1" s="1"/>
  <c r="G7" i="1" s="1"/>
  <c r="G8" i="1" s="1"/>
  <c r="G9" i="1" s="1"/>
  <c r="G10" i="1" s="1"/>
  <c r="G11" i="1" s="1"/>
  <c r="G12" i="1" s="1"/>
  <c r="G13" i="1" s="1"/>
  <c r="G14" i="1" s="1"/>
  <c r="G15" i="1" s="1"/>
  <c r="G16" i="1" s="1"/>
  <c r="G17" i="1" s="1"/>
  <c r="G18" i="1" s="1"/>
  <c r="G19" i="1" s="1"/>
  <c r="G20" i="1" s="1"/>
  <c r="G21" i="1" s="1"/>
  <c r="G22" i="1" s="1"/>
  <c r="G23" i="1" s="1"/>
  <c r="G24" i="1" s="1"/>
  <c r="G25" i="1" s="1"/>
  <c r="G26" i="1" s="1"/>
  <c r="G27" i="1" s="1"/>
  <c r="G28" i="1" s="1"/>
  <c r="G29" i="1" s="1"/>
  <c r="G30" i="1" s="1"/>
  <c r="G31" i="1" s="1"/>
  <c r="G32" i="1" s="1"/>
  <c r="G33" i="1" s="1"/>
  <c r="G34" i="1" s="1"/>
  <c r="G35" i="1" s="1"/>
  <c r="G36" i="1" s="1"/>
  <c r="G37" i="1" s="1"/>
  <c r="G38" i="1" s="1"/>
  <c r="G39" i="1" s="1"/>
  <c r="G40" i="1" s="1"/>
  <c r="G41" i="1" s="1"/>
  <c r="G42" i="1" s="1"/>
  <c r="G43" i="1" s="1"/>
  <c r="G44" i="1" s="1"/>
  <c r="G45" i="1" s="1"/>
  <c r="G46" i="1" s="1"/>
  <c r="G47" i="1" s="1"/>
  <c r="G48" i="1" s="1"/>
  <c r="G49" i="1" s="1"/>
  <c r="G50" i="1" s="1"/>
  <c r="G51" i="1" s="1"/>
  <c r="G52" i="1" s="1"/>
  <c r="G53" i="1" s="1"/>
  <c r="G54" i="1" s="1"/>
  <c r="G55" i="1" s="1"/>
  <c r="G56" i="1" s="1"/>
  <c r="G57" i="1" s="1"/>
  <c r="G58" i="1" s="1"/>
  <c r="G59" i="1" s="1"/>
  <c r="G60" i="1" s="1"/>
  <c r="G61" i="1" s="1"/>
  <c r="G62" i="1" s="1"/>
  <c r="G63" i="1" s="1"/>
  <c r="G64" i="1" s="1"/>
  <c r="G65" i="1" s="1"/>
  <c r="G66" i="1" s="1"/>
  <c r="G67" i="1" s="1"/>
  <c r="G68" i="1" s="1"/>
  <c r="G69" i="1" s="1"/>
  <c r="G70" i="1" s="1"/>
  <c r="G71" i="1" s="1"/>
  <c r="G72" i="1" s="1"/>
  <c r="G73" i="1" s="1"/>
  <c r="G74" i="1" s="1"/>
  <c r="G75" i="1" s="1"/>
  <c r="G76" i="1" s="1"/>
  <c r="G77" i="1" s="1"/>
  <c r="G78" i="1" s="1"/>
  <c r="G79" i="1" s="1"/>
  <c r="G80" i="1" s="1"/>
  <c r="G81" i="1" s="1"/>
  <c r="G82" i="1" s="1"/>
  <c r="G83" i="1" s="1"/>
  <c r="G84" i="1" s="1"/>
  <c r="G85" i="1" s="1"/>
  <c r="G86" i="1" s="1"/>
  <c r="G87" i="1" s="1"/>
  <c r="G88" i="1" s="1"/>
  <c r="G89" i="1" s="1"/>
  <c r="G90" i="1" s="1"/>
  <c r="G91" i="1" s="1"/>
  <c r="G92" i="1" s="1"/>
  <c r="G93" i="1" s="1"/>
  <c r="G94" i="1" s="1"/>
  <c r="G95" i="1" s="1"/>
  <c r="G96" i="1" s="1"/>
  <c r="G97" i="1" s="1"/>
  <c r="G98" i="1" s="1"/>
  <c r="G99" i="1" s="1"/>
  <c r="G100" i="1" s="1"/>
  <c r="G101" i="1" s="1"/>
  <c r="G102" i="1" s="1"/>
  <c r="H3" i="1" l="1"/>
  <c r="C4" i="1"/>
  <c r="E7" i="1"/>
  <c r="E8" i="1" s="1"/>
  <c r="E9" i="1" s="1"/>
  <c r="E10" i="1" s="1"/>
  <c r="E11" i="1" s="1"/>
  <c r="E12" i="1" s="1"/>
  <c r="E13" i="1" s="1"/>
  <c r="E14" i="1" s="1"/>
  <c r="E15" i="1" s="1"/>
  <c r="E16" i="1" s="1"/>
  <c r="E17" i="1" s="1"/>
  <c r="E18" i="1" s="1"/>
  <c r="E19" i="1" s="1"/>
  <c r="E20" i="1" s="1"/>
  <c r="E21" i="1" s="1"/>
  <c r="E22" i="1" s="1"/>
  <c r="E23" i="1" s="1"/>
  <c r="E24" i="1" s="1"/>
  <c r="E25" i="1" s="1"/>
  <c r="E26" i="1" s="1"/>
  <c r="E27" i="1" s="1"/>
  <c r="E28" i="1" s="1"/>
  <c r="E29" i="1" s="1"/>
  <c r="E30" i="1" s="1"/>
  <c r="E31" i="1" s="1"/>
  <c r="E32" i="1" s="1"/>
  <c r="E33" i="1" s="1"/>
  <c r="E34" i="1" s="1"/>
  <c r="E35" i="1" s="1"/>
  <c r="E36" i="1" s="1"/>
  <c r="E37" i="1" s="1"/>
  <c r="E38" i="1" s="1"/>
  <c r="E39" i="1" s="1"/>
  <c r="E40" i="1" s="1"/>
  <c r="E41" i="1" s="1"/>
  <c r="E42" i="1" s="1"/>
  <c r="E43" i="1" s="1"/>
  <c r="E44" i="1" s="1"/>
  <c r="E45" i="1" s="1"/>
  <c r="E46" i="1" s="1"/>
  <c r="E47" i="1" s="1"/>
  <c r="E48" i="1" s="1"/>
  <c r="E49" i="1" s="1"/>
  <c r="E50" i="1" s="1"/>
  <c r="E51" i="1" s="1"/>
  <c r="E52" i="1" s="1"/>
  <c r="E53" i="1" s="1"/>
  <c r="E54" i="1" s="1"/>
  <c r="E55" i="1" s="1"/>
  <c r="E56" i="1" s="1"/>
  <c r="E57" i="1" s="1"/>
  <c r="E58" i="1" s="1"/>
  <c r="E59" i="1" s="1"/>
  <c r="E60" i="1" s="1"/>
  <c r="E61" i="1" s="1"/>
  <c r="E62" i="1" s="1"/>
  <c r="E63" i="1" s="1"/>
  <c r="E64" i="1" s="1"/>
  <c r="E65" i="1" s="1"/>
  <c r="E66" i="1" s="1"/>
  <c r="E67" i="1" s="1"/>
  <c r="E68" i="1" s="1"/>
  <c r="E69" i="1" s="1"/>
  <c r="E70" i="1" s="1"/>
  <c r="E71" i="1" s="1"/>
  <c r="E72" i="1" s="1"/>
  <c r="E73" i="1" s="1"/>
  <c r="E74" i="1" s="1"/>
  <c r="E75" i="1" s="1"/>
  <c r="E76" i="1" s="1"/>
  <c r="E77" i="1" s="1"/>
  <c r="E78" i="1" s="1"/>
  <c r="E79" i="1" s="1"/>
  <c r="E80" i="1" s="1"/>
  <c r="E81" i="1" s="1"/>
  <c r="E82" i="1" s="1"/>
  <c r="E83" i="1" s="1"/>
  <c r="E84" i="1" s="1"/>
  <c r="E85" i="1" s="1"/>
  <c r="E86" i="1" s="1"/>
  <c r="E87" i="1" s="1"/>
  <c r="E88" i="1" s="1"/>
  <c r="E89" i="1" s="1"/>
  <c r="E90" i="1" s="1"/>
  <c r="E91" i="1" s="1"/>
  <c r="E92" i="1" s="1"/>
  <c r="E93" i="1" s="1"/>
  <c r="E94" i="1" s="1"/>
  <c r="E95" i="1" s="1"/>
  <c r="E96" i="1" s="1"/>
  <c r="E97" i="1" s="1"/>
  <c r="E98" i="1" s="1"/>
  <c r="E99" i="1" s="1"/>
  <c r="E100" i="1" s="1"/>
  <c r="E101" i="1" s="1"/>
  <c r="E102" i="1" s="1"/>
  <c r="C5" i="1" l="1"/>
  <c r="H4" i="1"/>
  <c r="C6" i="1" l="1"/>
  <c r="H5" i="1"/>
  <c r="C7" i="1" l="1"/>
  <c r="H6" i="1"/>
  <c r="C8" i="1" l="1"/>
  <c r="H7" i="1"/>
  <c r="C9" i="1" l="1"/>
  <c r="H8" i="1"/>
  <c r="C10" i="1" l="1"/>
  <c r="H9" i="1"/>
  <c r="C11" i="1" l="1"/>
  <c r="H10" i="1"/>
  <c r="C12" i="1" l="1"/>
  <c r="H11" i="1"/>
  <c r="C13" i="1" l="1"/>
  <c r="H12" i="1"/>
  <c r="C14" i="1" l="1"/>
  <c r="H13" i="1"/>
  <c r="C15" i="1" l="1"/>
  <c r="H14" i="1"/>
  <c r="C16" i="1" l="1"/>
  <c r="H15" i="1"/>
  <c r="C17" i="1" l="1"/>
  <c r="H16" i="1"/>
  <c r="C18" i="1" l="1"/>
  <c r="H17" i="1"/>
  <c r="C19" i="1" l="1"/>
  <c r="H18" i="1"/>
  <c r="C20" i="1" l="1"/>
  <c r="H19" i="1"/>
  <c r="C21" i="1" l="1"/>
  <c r="H20" i="1"/>
  <c r="C22" i="1" l="1"/>
  <c r="H21" i="1"/>
  <c r="C23" i="1" l="1"/>
  <c r="H22" i="1"/>
  <c r="C24" i="1" l="1"/>
  <c r="H23" i="1"/>
  <c r="C25" i="1" l="1"/>
  <c r="H24" i="1"/>
  <c r="C26" i="1" l="1"/>
  <c r="H25" i="1"/>
  <c r="C27" i="1" l="1"/>
  <c r="H26" i="1"/>
  <c r="C28" i="1" l="1"/>
  <c r="H27" i="1"/>
  <c r="C29" i="1" l="1"/>
  <c r="H28" i="1"/>
  <c r="C30" i="1" l="1"/>
  <c r="H29" i="1"/>
  <c r="C31" i="1" l="1"/>
  <c r="H30" i="1"/>
  <c r="C32" i="1" l="1"/>
  <c r="H31" i="1"/>
  <c r="C33" i="1" l="1"/>
  <c r="H32" i="1"/>
  <c r="C34" i="1" l="1"/>
  <c r="H33" i="1"/>
  <c r="C35" i="1" l="1"/>
  <c r="H34" i="1"/>
  <c r="C36" i="1" l="1"/>
  <c r="H35" i="1"/>
  <c r="C37" i="1" l="1"/>
  <c r="H36" i="1"/>
  <c r="C38" i="1" l="1"/>
  <c r="H37" i="1"/>
  <c r="C39" i="1" l="1"/>
  <c r="H38" i="1"/>
  <c r="C40" i="1" l="1"/>
  <c r="H39" i="1"/>
  <c r="C41" i="1" l="1"/>
  <c r="H40" i="1"/>
  <c r="C42" i="1" l="1"/>
  <c r="H41" i="1"/>
  <c r="C43" i="1" l="1"/>
  <c r="H42" i="1"/>
  <c r="C44" i="1" l="1"/>
  <c r="H43" i="1"/>
  <c r="C45" i="1" l="1"/>
  <c r="H44" i="1"/>
  <c r="C46" i="1" l="1"/>
  <c r="H45" i="1"/>
  <c r="C47" i="1" l="1"/>
  <c r="H46" i="1"/>
  <c r="C48" i="1" l="1"/>
  <c r="H47" i="1"/>
  <c r="C49" i="1" l="1"/>
  <c r="H48" i="1"/>
  <c r="C50" i="1" l="1"/>
  <c r="H49" i="1"/>
  <c r="C51" i="1" l="1"/>
  <c r="H50" i="1"/>
  <c r="C52" i="1" l="1"/>
  <c r="H51" i="1"/>
  <c r="C53" i="1" l="1"/>
  <c r="H52" i="1"/>
  <c r="C54" i="1" l="1"/>
  <c r="H53" i="1"/>
  <c r="C55" i="1" l="1"/>
  <c r="H54" i="1"/>
  <c r="C56" i="1" l="1"/>
  <c r="H55" i="1"/>
  <c r="C57" i="1" l="1"/>
  <c r="H56" i="1"/>
  <c r="C58" i="1" l="1"/>
  <c r="H57" i="1"/>
  <c r="C59" i="1" l="1"/>
  <c r="H58" i="1"/>
  <c r="C60" i="1" l="1"/>
  <c r="H59" i="1"/>
  <c r="C61" i="1" l="1"/>
  <c r="H60" i="1"/>
  <c r="C62" i="1" l="1"/>
  <c r="H61" i="1"/>
  <c r="C63" i="1" l="1"/>
  <c r="H62" i="1"/>
  <c r="C64" i="1" l="1"/>
  <c r="H63" i="1"/>
  <c r="C65" i="1" l="1"/>
  <c r="H64" i="1"/>
  <c r="C66" i="1" l="1"/>
  <c r="H65" i="1"/>
  <c r="C67" i="1" l="1"/>
  <c r="H66" i="1"/>
  <c r="C68" i="1" l="1"/>
  <c r="H67" i="1"/>
  <c r="C69" i="1" l="1"/>
  <c r="H68" i="1"/>
  <c r="C70" i="1" l="1"/>
  <c r="H69" i="1"/>
  <c r="C71" i="1" l="1"/>
  <c r="H70" i="1"/>
  <c r="C72" i="1" l="1"/>
  <c r="H71" i="1"/>
  <c r="C73" i="1" l="1"/>
  <c r="H72" i="1"/>
  <c r="C74" i="1" l="1"/>
  <c r="H73" i="1"/>
  <c r="C75" i="1" l="1"/>
  <c r="H74" i="1"/>
  <c r="C76" i="1" l="1"/>
  <c r="H75" i="1"/>
  <c r="C77" i="1" l="1"/>
  <c r="H76" i="1"/>
  <c r="C78" i="1" l="1"/>
  <c r="H77" i="1"/>
  <c r="C79" i="1" l="1"/>
  <c r="H78" i="1"/>
  <c r="C80" i="1" l="1"/>
  <c r="H79" i="1"/>
  <c r="C81" i="1" l="1"/>
  <c r="H80" i="1"/>
  <c r="C82" i="1" l="1"/>
  <c r="H81" i="1"/>
  <c r="C83" i="1" l="1"/>
  <c r="H82" i="1"/>
  <c r="C84" i="1" l="1"/>
  <c r="H83" i="1"/>
  <c r="C85" i="1" l="1"/>
  <c r="H84" i="1"/>
  <c r="C86" i="1" l="1"/>
  <c r="H85" i="1"/>
  <c r="C87" i="1" l="1"/>
  <c r="H86" i="1"/>
  <c r="C88" i="1" l="1"/>
  <c r="H87" i="1"/>
  <c r="C89" i="1" l="1"/>
  <c r="H88" i="1"/>
  <c r="C90" i="1" l="1"/>
  <c r="H89" i="1"/>
  <c r="C91" i="1" l="1"/>
  <c r="H90" i="1"/>
  <c r="C92" i="1" l="1"/>
  <c r="H91" i="1"/>
  <c r="C93" i="1" l="1"/>
  <c r="H92" i="1"/>
  <c r="C94" i="1" l="1"/>
  <c r="H93" i="1"/>
  <c r="C95" i="1" l="1"/>
  <c r="H94" i="1"/>
  <c r="C96" i="1" l="1"/>
  <c r="H95" i="1"/>
  <c r="C97" i="1" l="1"/>
  <c r="H96" i="1"/>
  <c r="C98" i="1" l="1"/>
  <c r="H97" i="1"/>
  <c r="C99" i="1" l="1"/>
  <c r="H98" i="1"/>
  <c r="C100" i="1" l="1"/>
  <c r="H99" i="1"/>
  <c r="C101" i="1" l="1"/>
  <c r="H100" i="1"/>
  <c r="C102" i="1" l="1"/>
  <c r="H102" i="1" s="1"/>
  <c r="H101" i="1"/>
  <c r="J5" i="1" l="1"/>
  <c r="J4" i="1"/>
  <c r="K4" i="1"/>
  <c r="M4" i="1"/>
  <c r="L4" i="1"/>
  <c r="O4" i="1"/>
  <c r="N4" i="1"/>
</calcChain>
</file>

<file path=xl/metadata.xml><?xml version="1.0" encoding="utf-8"?>
<metadata xmlns="http://schemas.openxmlformats.org/spreadsheetml/2006/main" xmlns:xda="http://schemas.microsoft.com/office/spreadsheetml/2017/dynamicarray">
  <metadataTypes count="1">
    <metadataType name="XLDAPR" minSupportedVersion="120000" copy="1" pasteAll="1" pasteValues="1" merge="1" splitFirst="1" rowColShift="1" clearFormats="1" clearComments="1" assign="1" coerce="1" cellMeta="1"/>
  </metadataTypes>
  <futureMetadata name="XLDAPR" count="1">
    <bk>
      <extLst>
        <ext uri="{bdbb8cdc-fa1e-496e-a857-3c3f30c029c3}">
          <xda:dynamicArrayProperties fDynamic="1" fCollapsed="0"/>
        </ext>
      </extLst>
    </bk>
  </futureMetadata>
  <cellMetadata count="1">
    <bk>
      <rc t="1" v="0"/>
    </bk>
  </cellMetadata>
</metadata>
</file>

<file path=xl/sharedStrings.xml><?xml version="1.0" encoding="utf-8"?>
<sst xmlns="http://schemas.openxmlformats.org/spreadsheetml/2006/main" count="110" uniqueCount="110">
  <si>
    <t>Sorszám</t>
  </si>
  <si>
    <t>Kapcsoló</t>
  </si>
  <si>
    <t>A</t>
  </si>
  <si>
    <t>B</t>
  </si>
  <si>
    <t>C</t>
  </si>
  <si>
    <t>D</t>
  </si>
  <si>
    <t>E</t>
  </si>
  <si>
    <t>1.</t>
  </si>
  <si>
    <t>2.</t>
  </si>
  <si>
    <t>3.</t>
  </si>
  <si>
    <t>4.</t>
  </si>
  <si>
    <t>5.</t>
  </si>
  <si>
    <t>6.</t>
  </si>
  <si>
    <t>7.</t>
  </si>
  <si>
    <t>8.</t>
  </si>
  <si>
    <t>9.</t>
  </si>
  <si>
    <t>10.</t>
  </si>
  <si>
    <t>11.</t>
  </si>
  <si>
    <t>12.</t>
  </si>
  <si>
    <t>13.</t>
  </si>
  <si>
    <t>14.</t>
  </si>
  <si>
    <t>15.</t>
  </si>
  <si>
    <t>16.</t>
  </si>
  <si>
    <t>17.</t>
  </si>
  <si>
    <t>18.</t>
  </si>
  <si>
    <t>19.</t>
  </si>
  <si>
    <t>20.</t>
  </si>
  <si>
    <t>21.</t>
  </si>
  <si>
    <t>22.</t>
  </si>
  <si>
    <t>23.</t>
  </si>
  <si>
    <t>24.</t>
  </si>
  <si>
    <t>25.</t>
  </si>
  <si>
    <t>26.</t>
  </si>
  <si>
    <t>27.</t>
  </si>
  <si>
    <t>28.</t>
  </si>
  <si>
    <t>29.</t>
  </si>
  <si>
    <t>30.</t>
  </si>
  <si>
    <t>31.</t>
  </si>
  <si>
    <t>32.</t>
  </si>
  <si>
    <t>33.</t>
  </si>
  <si>
    <t>34.</t>
  </si>
  <si>
    <t>35.</t>
  </si>
  <si>
    <t>36.</t>
  </si>
  <si>
    <t>37.</t>
  </si>
  <si>
    <t>38.</t>
  </si>
  <si>
    <t>39.</t>
  </si>
  <si>
    <t>40.</t>
  </si>
  <si>
    <t>41.</t>
  </si>
  <si>
    <t>42.</t>
  </si>
  <si>
    <t>43.</t>
  </si>
  <si>
    <t>44.</t>
  </si>
  <si>
    <t>45.</t>
  </si>
  <si>
    <t>46.</t>
  </si>
  <si>
    <t>47.</t>
  </si>
  <si>
    <t>48.</t>
  </si>
  <si>
    <t>49.</t>
  </si>
  <si>
    <t>50.</t>
  </si>
  <si>
    <t>51.</t>
  </si>
  <si>
    <t>52.</t>
  </si>
  <si>
    <t>53.</t>
  </si>
  <si>
    <t>54.</t>
  </si>
  <si>
    <t>55.</t>
  </si>
  <si>
    <t>56.</t>
  </si>
  <si>
    <t>57.</t>
  </si>
  <si>
    <t>58.</t>
  </si>
  <si>
    <t>59.</t>
  </si>
  <si>
    <t>60.</t>
  </si>
  <si>
    <t>61.</t>
  </si>
  <si>
    <t>62.</t>
  </si>
  <si>
    <t>63.</t>
  </si>
  <si>
    <t>64.</t>
  </si>
  <si>
    <t>65.</t>
  </si>
  <si>
    <t>66.</t>
  </si>
  <si>
    <t>67.</t>
  </si>
  <si>
    <t>68.</t>
  </si>
  <si>
    <t>69.</t>
  </si>
  <si>
    <t>70.</t>
  </si>
  <si>
    <t>71.</t>
  </si>
  <si>
    <t>72.</t>
  </si>
  <si>
    <t>73.</t>
  </si>
  <si>
    <t>74.</t>
  </si>
  <si>
    <t>75.</t>
  </si>
  <si>
    <t>76.</t>
  </si>
  <si>
    <t>77.</t>
  </si>
  <si>
    <t>78.</t>
  </si>
  <si>
    <t>79.</t>
  </si>
  <si>
    <t>80.</t>
  </si>
  <si>
    <t>81.</t>
  </si>
  <si>
    <t>82.</t>
  </si>
  <si>
    <t>83.</t>
  </si>
  <si>
    <t>84.</t>
  </si>
  <si>
    <t>85.</t>
  </si>
  <si>
    <t>86.</t>
  </si>
  <si>
    <t>87.</t>
  </si>
  <si>
    <t>88.</t>
  </si>
  <si>
    <t>89.</t>
  </si>
  <si>
    <t>90.</t>
  </si>
  <si>
    <t>91.</t>
  </si>
  <si>
    <t>92.</t>
  </si>
  <si>
    <t>93.</t>
  </si>
  <si>
    <t>94.</t>
  </si>
  <si>
    <t>95.</t>
  </si>
  <si>
    <t>96.</t>
  </si>
  <si>
    <t>97.</t>
  </si>
  <si>
    <t>98.</t>
  </si>
  <si>
    <t>99.</t>
  </si>
  <si>
    <t>100.</t>
  </si>
  <si>
    <t>Először ég az összes:</t>
  </si>
  <si>
    <t>Bekapcsoltak száma:</t>
  </si>
  <si>
    <t>Előfordulás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 x14ac:knownFonts="1">
    <font>
      <sz val="11"/>
      <color theme="1"/>
      <name val="Calibri"/>
      <family val="2"/>
      <charset val="238"/>
      <scheme val="minor"/>
    </font>
    <font>
      <sz val="8"/>
      <name val="Calibri"/>
      <family val="2"/>
      <charset val="238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3">
    <xf numFmtId="0" fontId="0" fillId="0" borderId="0" xfId="0"/>
    <xf numFmtId="0" fontId="0" fillId="0" borderId="0" xfId="0" applyAlignment="1">
      <alignment horizontal="center" textRotation="90"/>
    </xf>
    <xf numFmtId="0" fontId="0" fillId="0" borderId="0" xfId="0" applyAlignment="1">
      <alignment horizontal="center"/>
    </xf>
  </cellXfs>
  <cellStyles count="1">
    <cellStyle name="Normál" xfId="0" builtinId="0"/>
  </cellStyles>
  <dxfs count="1">
    <dxf>
      <fill>
        <patternFill>
          <bgColor theme="7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eetMetadata" Target="metadata.xml"/><Relationship Id="rId4" Type="http://schemas.openxmlformats.org/officeDocument/2006/relationships/sharedStrings" Target="sharedString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u-H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hu-HU"/>
              <a:t>Égő</a:t>
            </a:r>
            <a:r>
              <a:rPr lang="hu-HU" baseline="0"/>
              <a:t> lámpák számának gyakorisága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hu-HU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numRef>
              <c:f>lampak!$J$3:$O$3</c:f>
              <c:numCache>
                <c:formatCode>General</c:formatCode>
                <c:ptCount val="6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</c:numCache>
            </c:numRef>
          </c:cat>
          <c:val>
            <c:numRef>
              <c:f>lampak!$J$4:$O$4</c:f>
              <c:numCache>
                <c:formatCode>General</c:formatCode>
                <c:ptCount val="6"/>
                <c:pt idx="0">
                  <c:v>2</c:v>
                </c:pt>
                <c:pt idx="1">
                  <c:v>11</c:v>
                </c:pt>
                <c:pt idx="2">
                  <c:v>30</c:v>
                </c:pt>
                <c:pt idx="3">
                  <c:v>36</c:v>
                </c:pt>
                <c:pt idx="4">
                  <c:v>19</c:v>
                </c:pt>
                <c:pt idx="5">
                  <c:v>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F6F-438D-8CA6-A5C4AD5BFD6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528467120"/>
        <c:axId val="450270112"/>
      </c:barChart>
      <c:catAx>
        <c:axId val="52846712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450270112"/>
        <c:crosses val="autoZero"/>
        <c:auto val="1"/>
        <c:lblAlgn val="ctr"/>
        <c:lblOffset val="100"/>
        <c:noMultiLvlLbl val="0"/>
      </c:catAx>
      <c:valAx>
        <c:axId val="45027011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u-HU"/>
          </a:p>
        </c:txPr>
        <c:crossAx val="528467120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hu-HU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9</xdr:col>
      <xdr:colOff>9525</xdr:colOff>
      <xdr:row>6</xdr:row>
      <xdr:rowOff>14287</xdr:rowOff>
    </xdr:from>
    <xdr:to>
      <xdr:col>15</xdr:col>
      <xdr:colOff>0</xdr:colOff>
      <xdr:row>17</xdr:row>
      <xdr:rowOff>107632</xdr:rowOff>
    </xdr:to>
    <xdr:graphicFrame macro="">
      <xdr:nvGraphicFramePr>
        <xdr:cNvPr id="2" name="Diagram 1">
          <a:extLst>
            <a:ext uri="{FF2B5EF4-FFF2-40B4-BE49-F238E27FC236}">
              <a16:creationId xmlns:a16="http://schemas.microsoft.com/office/drawing/2014/main" id="{D6AB453E-638C-4FF7-A768-D30A321DD648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-té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D2AAAE5-55B7-4C76-860D-740AFBE360B5}">
  <dimension ref="A1:O102"/>
  <sheetViews>
    <sheetView tabSelected="1" workbookViewId="0">
      <selection activeCell="R9" sqref="R9"/>
    </sheetView>
  </sheetViews>
  <sheetFormatPr defaultRowHeight="15" x14ac:dyDescent="0.25"/>
  <cols>
    <col min="1" max="1" width="3.7109375" style="2" bestFit="1" customWidth="1"/>
    <col min="2" max="8" width="9.140625" style="2"/>
    <col min="9" max="9" width="19.140625" bestFit="1" customWidth="1"/>
    <col min="10" max="10" width="9.140625" customWidth="1"/>
  </cols>
  <sheetData>
    <row r="1" spans="1:15" ht="46.5" x14ac:dyDescent="0.25">
      <c r="A1" s="1" t="s">
        <v>0</v>
      </c>
      <c r="B1" s="1" t="s">
        <v>1</v>
      </c>
      <c r="C1" s="2" t="s">
        <v>2</v>
      </c>
      <c r="D1" s="2" t="s">
        <v>3</v>
      </c>
      <c r="E1" s="2" t="s">
        <v>4</v>
      </c>
      <c r="F1" s="2" t="s">
        <v>5</v>
      </c>
      <c r="G1" s="2" t="s">
        <v>6</v>
      </c>
    </row>
    <row r="2" spans="1:15" x14ac:dyDescent="0.25">
      <c r="H2" s="2">
        <f>COUNTIFS(C2:G2,"Ég")</f>
        <v>0</v>
      </c>
    </row>
    <row r="3" spans="1:15" x14ac:dyDescent="0.25">
      <c r="A3" s="2" t="s">
        <v>7</v>
      </c>
      <c r="B3" s="2" t="str" cm="1">
        <f t="array" aca="1" ref="B3" ca="1">INDEX($C$1:$G$1,1,RANDBETWEEN(1,5))</f>
        <v>E</v>
      </c>
      <c r="C3" s="2" t="str">
        <f ca="1">IF(_xlfn.XOR(C2="Ég",$B3=C$1),"Ég","")</f>
        <v/>
      </c>
      <c r="D3" s="2" t="str">
        <f ca="1">IF(_xlfn.XOR(D2="Ég",$B3=D$1),"Ég","")</f>
        <v/>
      </c>
      <c r="E3" s="2" t="str">
        <f ca="1">IF(_xlfn.XOR(E2="Ég",$B3=E$1),"Ég","")</f>
        <v/>
      </c>
      <c r="F3" s="2" t="str">
        <f t="shared" ref="F3:G3" ca="1" si="0">IF(_xlfn.XOR(F2="Ég",$B3=F$1),"Ég","")</f>
        <v/>
      </c>
      <c r="G3" s="2" t="str">
        <f t="shared" ca="1" si="0"/>
        <v>Ég</v>
      </c>
      <c r="H3" s="2">
        <f ca="1">COUNTIFS(C3:G3,"Ég")</f>
        <v>1</v>
      </c>
      <c r="I3" t="s">
        <v>108</v>
      </c>
      <c r="J3">
        <v>0</v>
      </c>
      <c r="K3">
        <v>1</v>
      </c>
      <c r="L3">
        <v>2</v>
      </c>
      <c r="M3">
        <v>3</v>
      </c>
      <c r="N3">
        <v>4</v>
      </c>
      <c r="O3">
        <v>5</v>
      </c>
    </row>
    <row r="4" spans="1:15" x14ac:dyDescent="0.25">
      <c r="A4" s="2" t="s">
        <v>8</v>
      </c>
      <c r="B4" s="2" t="str" cm="1">
        <f t="array" aca="1" ref="B4" ca="1">INDEX($C$1:$G$1,1,RANDBETWEEN(1,5))</f>
        <v>B</v>
      </c>
      <c r="C4" s="2" t="str">
        <f t="shared" ref="C4:C67" ca="1" si="1">IF(_xlfn.XOR(C3="Ég",$B4=C$1),"Ég","")</f>
        <v/>
      </c>
      <c r="D4" s="2" t="str">
        <f t="shared" ref="D4:D67" ca="1" si="2">IF(_xlfn.XOR(D3="Ég",$B4=D$1),"Ég","")</f>
        <v>Ég</v>
      </c>
      <c r="E4" s="2" t="str">
        <f t="shared" ref="E4:E67" ca="1" si="3">IF(_xlfn.XOR(E3="Ég",$B4=E$1),"Ég","")</f>
        <v/>
      </c>
      <c r="F4" s="2" t="str">
        <f t="shared" ref="F4:F67" ca="1" si="4">IF(_xlfn.XOR(F3="Ég",$B4=F$1),"Ég","")</f>
        <v/>
      </c>
      <c r="G4" s="2" t="str">
        <f t="shared" ref="G4:G67" ca="1" si="5">IF(_xlfn.XOR(G3="Ég",$B4=G$1),"Ég","")</f>
        <v>Ég</v>
      </c>
      <c r="H4" s="2">
        <f t="shared" ref="H4:H67" ca="1" si="6">COUNTIFS(C4:G4,"Ég")</f>
        <v>2</v>
      </c>
      <c r="I4" t="s">
        <v>109</v>
      </c>
      <c r="J4">
        <f ca="1">COUNTIFS($H$2:$H$102,J$3)</f>
        <v>2</v>
      </c>
      <c r="K4">
        <f t="shared" ref="K4:O4" ca="1" si="7">COUNTIFS($H$2:$H$102,K$3)</f>
        <v>11</v>
      </c>
      <c r="L4">
        <f t="shared" ca="1" si="7"/>
        <v>30</v>
      </c>
      <c r="M4">
        <f t="shared" ca="1" si="7"/>
        <v>36</v>
      </c>
      <c r="N4">
        <f t="shared" ca="1" si="7"/>
        <v>19</v>
      </c>
      <c r="O4">
        <f t="shared" ca="1" si="7"/>
        <v>3</v>
      </c>
    </row>
    <row r="5" spans="1:15" x14ac:dyDescent="0.25">
      <c r="A5" s="2" t="s">
        <v>9</v>
      </c>
      <c r="B5" s="2" t="str" cm="1">
        <f t="array" aca="1" ref="B5" ca="1">INDEX($C$1:$G$1,1,RANDBETWEEN(1,5))</f>
        <v>D</v>
      </c>
      <c r="C5" s="2" t="str">
        <f t="shared" ca="1" si="1"/>
        <v/>
      </c>
      <c r="D5" s="2" t="str">
        <f t="shared" ca="1" si="2"/>
        <v>Ég</v>
      </c>
      <c r="E5" s="2" t="str">
        <f t="shared" ca="1" si="3"/>
        <v/>
      </c>
      <c r="F5" s="2" t="str">
        <f t="shared" ca="1" si="4"/>
        <v>Ég</v>
      </c>
      <c r="G5" s="2" t="str">
        <f t="shared" ca="1" si="5"/>
        <v>Ég</v>
      </c>
      <c r="H5" s="2">
        <f t="shared" ca="1" si="6"/>
        <v>3</v>
      </c>
      <c r="I5" t="s">
        <v>107</v>
      </c>
      <c r="J5">
        <f ca="1">IF(MAX(H3:H102)=5,MATCH(5,H3:H102,0),"Nincs")</f>
        <v>23</v>
      </c>
    </row>
    <row r="6" spans="1:15" x14ac:dyDescent="0.25">
      <c r="A6" s="2" t="s">
        <v>10</v>
      </c>
      <c r="B6" s="2" t="str" cm="1">
        <f t="array" aca="1" ref="B6" ca="1">INDEX($C$1:$G$1,1,RANDBETWEEN(1,5))</f>
        <v>B</v>
      </c>
      <c r="C6" s="2" t="str">
        <f t="shared" ca="1" si="1"/>
        <v/>
      </c>
      <c r="D6" s="2" t="str">
        <f t="shared" ca="1" si="2"/>
        <v/>
      </c>
      <c r="E6" s="2" t="str">
        <f t="shared" ca="1" si="3"/>
        <v/>
      </c>
      <c r="F6" s="2" t="str">
        <f t="shared" ca="1" si="4"/>
        <v>Ég</v>
      </c>
      <c r="G6" s="2" t="str">
        <f t="shared" ca="1" si="5"/>
        <v>Ég</v>
      </c>
      <c r="H6" s="2">
        <f t="shared" ca="1" si="6"/>
        <v>2</v>
      </c>
    </row>
    <row r="7" spans="1:15" x14ac:dyDescent="0.25">
      <c r="A7" s="2" t="s">
        <v>11</v>
      </c>
      <c r="B7" s="2" t="str" cm="1">
        <f t="array" aca="1" ref="B7" ca="1">INDEX($C$1:$G$1,1,RANDBETWEEN(1,5))</f>
        <v>B</v>
      </c>
      <c r="C7" s="2" t="str">
        <f t="shared" ca="1" si="1"/>
        <v/>
      </c>
      <c r="D7" s="2" t="str">
        <f t="shared" ca="1" si="2"/>
        <v>Ég</v>
      </c>
      <c r="E7" s="2" t="str">
        <f ca="1">IF(_xlfn.XOR(E6="Ég",$B7=E$1),"Ég","")</f>
        <v/>
      </c>
      <c r="F7" s="2" t="str">
        <f t="shared" ca="1" si="4"/>
        <v>Ég</v>
      </c>
      <c r="G7" s="2" t="str">
        <f t="shared" ca="1" si="5"/>
        <v>Ég</v>
      </c>
      <c r="H7" s="2">
        <f t="shared" ca="1" si="6"/>
        <v>3</v>
      </c>
    </row>
    <row r="8" spans="1:15" x14ac:dyDescent="0.25">
      <c r="A8" s="2" t="s">
        <v>12</v>
      </c>
      <c r="B8" s="2" t="str" cm="1">
        <f t="array" aca="1" ref="B8" ca="1">INDEX($C$1:$G$1,1,RANDBETWEEN(1,5))</f>
        <v>D</v>
      </c>
      <c r="C8" s="2" t="str">
        <f t="shared" ca="1" si="1"/>
        <v/>
      </c>
      <c r="D8" s="2" t="str">
        <f t="shared" ca="1" si="2"/>
        <v>Ég</v>
      </c>
      <c r="E8" s="2" t="str">
        <f t="shared" ca="1" si="3"/>
        <v/>
      </c>
      <c r="F8" s="2" t="str">
        <f t="shared" ca="1" si="4"/>
        <v/>
      </c>
      <c r="G8" s="2" t="str">
        <f t="shared" ca="1" si="5"/>
        <v>Ég</v>
      </c>
      <c r="H8" s="2">
        <f t="shared" ca="1" si="6"/>
        <v>2</v>
      </c>
    </row>
    <row r="9" spans="1:15" x14ac:dyDescent="0.25">
      <c r="A9" s="2" t="s">
        <v>13</v>
      </c>
      <c r="B9" s="2" t="str" cm="1">
        <f t="array" aca="1" ref="B9" ca="1">INDEX($C$1:$G$1,1,RANDBETWEEN(1,5))</f>
        <v>E</v>
      </c>
      <c r="C9" s="2" t="str">
        <f t="shared" ca="1" si="1"/>
        <v/>
      </c>
      <c r="D9" s="2" t="str">
        <f t="shared" ca="1" si="2"/>
        <v>Ég</v>
      </c>
      <c r="E9" s="2" t="str">
        <f t="shared" ca="1" si="3"/>
        <v/>
      </c>
      <c r="F9" s="2" t="str">
        <f t="shared" ca="1" si="4"/>
        <v/>
      </c>
      <c r="G9" s="2" t="str">
        <f t="shared" ca="1" si="5"/>
        <v/>
      </c>
      <c r="H9" s="2">
        <f t="shared" ca="1" si="6"/>
        <v>1</v>
      </c>
    </row>
    <row r="10" spans="1:15" x14ac:dyDescent="0.25">
      <c r="A10" s="2" t="s">
        <v>14</v>
      </c>
      <c r="B10" s="2" t="str" cm="1">
        <f t="array" aca="1" ref="B10" ca="1">INDEX($C$1:$G$1,1,RANDBETWEEN(1,5))</f>
        <v>C</v>
      </c>
      <c r="C10" s="2" t="str">
        <f t="shared" ca="1" si="1"/>
        <v/>
      </c>
      <c r="D10" s="2" t="str">
        <f t="shared" ca="1" si="2"/>
        <v>Ég</v>
      </c>
      <c r="E10" s="2" t="str">
        <f t="shared" ca="1" si="3"/>
        <v>Ég</v>
      </c>
      <c r="F10" s="2" t="str">
        <f t="shared" ca="1" si="4"/>
        <v/>
      </c>
      <c r="G10" s="2" t="str">
        <f t="shared" ca="1" si="5"/>
        <v/>
      </c>
      <c r="H10" s="2">
        <f t="shared" ca="1" si="6"/>
        <v>2</v>
      </c>
    </row>
    <row r="11" spans="1:15" x14ac:dyDescent="0.25">
      <c r="A11" s="2" t="s">
        <v>15</v>
      </c>
      <c r="B11" s="2" t="str" cm="1">
        <f t="array" aca="1" ref="B11" ca="1">INDEX($C$1:$G$1,1,RANDBETWEEN(1,5))</f>
        <v>E</v>
      </c>
      <c r="C11" s="2" t="str">
        <f t="shared" ca="1" si="1"/>
        <v/>
      </c>
      <c r="D11" s="2" t="str">
        <f t="shared" ca="1" si="2"/>
        <v>Ég</v>
      </c>
      <c r="E11" s="2" t="str">
        <f t="shared" ca="1" si="3"/>
        <v>Ég</v>
      </c>
      <c r="F11" s="2" t="str">
        <f t="shared" ca="1" si="4"/>
        <v/>
      </c>
      <c r="G11" s="2" t="str">
        <f t="shared" ca="1" si="5"/>
        <v>Ég</v>
      </c>
      <c r="H11" s="2">
        <f t="shared" ca="1" si="6"/>
        <v>3</v>
      </c>
    </row>
    <row r="12" spans="1:15" x14ac:dyDescent="0.25">
      <c r="A12" s="2" t="s">
        <v>16</v>
      </c>
      <c r="B12" s="2" t="str" cm="1">
        <f t="array" aca="1" ref="B12" ca="1">INDEX($C$1:$G$1,1,RANDBETWEEN(1,5))</f>
        <v>B</v>
      </c>
      <c r="C12" s="2" t="str">
        <f t="shared" ca="1" si="1"/>
        <v/>
      </c>
      <c r="D12" s="2" t="str">
        <f t="shared" ca="1" si="2"/>
        <v/>
      </c>
      <c r="E12" s="2" t="str">
        <f t="shared" ca="1" si="3"/>
        <v>Ég</v>
      </c>
      <c r="F12" s="2" t="str">
        <f t="shared" ca="1" si="4"/>
        <v/>
      </c>
      <c r="G12" s="2" t="str">
        <f t="shared" ca="1" si="5"/>
        <v>Ég</v>
      </c>
      <c r="H12" s="2">
        <f t="shared" ca="1" si="6"/>
        <v>2</v>
      </c>
    </row>
    <row r="13" spans="1:15" x14ac:dyDescent="0.25">
      <c r="A13" s="2" t="s">
        <v>17</v>
      </c>
      <c r="B13" s="2" t="str" cm="1">
        <f t="array" aca="1" ref="B13" ca="1">INDEX($C$1:$G$1,1,RANDBETWEEN(1,5))</f>
        <v>D</v>
      </c>
      <c r="C13" s="2" t="str">
        <f t="shared" ca="1" si="1"/>
        <v/>
      </c>
      <c r="D13" s="2" t="str">
        <f t="shared" ca="1" si="2"/>
        <v/>
      </c>
      <c r="E13" s="2" t="str">
        <f t="shared" ca="1" si="3"/>
        <v>Ég</v>
      </c>
      <c r="F13" s="2" t="str">
        <f t="shared" ca="1" si="4"/>
        <v>Ég</v>
      </c>
      <c r="G13" s="2" t="str">
        <f t="shared" ca="1" si="5"/>
        <v>Ég</v>
      </c>
      <c r="H13" s="2">
        <f t="shared" ca="1" si="6"/>
        <v>3</v>
      </c>
    </row>
    <row r="14" spans="1:15" x14ac:dyDescent="0.25">
      <c r="A14" s="2" t="s">
        <v>18</v>
      </c>
      <c r="B14" s="2" t="str" cm="1">
        <f t="array" aca="1" ref="B14" ca="1">INDEX($C$1:$G$1,1,RANDBETWEEN(1,5))</f>
        <v>E</v>
      </c>
      <c r="C14" s="2" t="str">
        <f t="shared" ca="1" si="1"/>
        <v/>
      </c>
      <c r="D14" s="2" t="str">
        <f t="shared" ca="1" si="2"/>
        <v/>
      </c>
      <c r="E14" s="2" t="str">
        <f t="shared" ca="1" si="3"/>
        <v>Ég</v>
      </c>
      <c r="F14" s="2" t="str">
        <f t="shared" ca="1" si="4"/>
        <v>Ég</v>
      </c>
      <c r="G14" s="2" t="str">
        <f t="shared" ca="1" si="5"/>
        <v/>
      </c>
      <c r="H14" s="2">
        <f t="shared" ca="1" si="6"/>
        <v>2</v>
      </c>
    </row>
    <row r="15" spans="1:15" x14ac:dyDescent="0.25">
      <c r="A15" s="2" t="s">
        <v>19</v>
      </c>
      <c r="B15" s="2" t="str" cm="1">
        <f t="array" aca="1" ref="B15" ca="1">INDEX($C$1:$G$1,1,RANDBETWEEN(1,5))</f>
        <v>D</v>
      </c>
      <c r="C15" s="2" t="str">
        <f t="shared" ca="1" si="1"/>
        <v/>
      </c>
      <c r="D15" s="2" t="str">
        <f t="shared" ca="1" si="2"/>
        <v/>
      </c>
      <c r="E15" s="2" t="str">
        <f t="shared" ca="1" si="3"/>
        <v>Ég</v>
      </c>
      <c r="F15" s="2" t="str">
        <f t="shared" ca="1" si="4"/>
        <v/>
      </c>
      <c r="G15" s="2" t="str">
        <f t="shared" ca="1" si="5"/>
        <v/>
      </c>
      <c r="H15" s="2">
        <f t="shared" ca="1" si="6"/>
        <v>1</v>
      </c>
    </row>
    <row r="16" spans="1:15" x14ac:dyDescent="0.25">
      <c r="A16" s="2" t="s">
        <v>20</v>
      </c>
      <c r="B16" s="2" t="str" cm="1">
        <f t="array" aca="1" ref="B16" ca="1">INDEX($C$1:$G$1,1,RANDBETWEEN(1,5))</f>
        <v>E</v>
      </c>
      <c r="C16" s="2" t="str">
        <f t="shared" ca="1" si="1"/>
        <v/>
      </c>
      <c r="D16" s="2" t="str">
        <f t="shared" ca="1" si="2"/>
        <v/>
      </c>
      <c r="E16" s="2" t="str">
        <f t="shared" ca="1" si="3"/>
        <v>Ég</v>
      </c>
      <c r="F16" s="2" t="str">
        <f t="shared" ca="1" si="4"/>
        <v/>
      </c>
      <c r="G16" s="2" t="str">
        <f t="shared" ca="1" si="5"/>
        <v>Ég</v>
      </c>
      <c r="H16" s="2">
        <f t="shared" ca="1" si="6"/>
        <v>2</v>
      </c>
    </row>
    <row r="17" spans="1:8" x14ac:dyDescent="0.25">
      <c r="A17" s="2" t="s">
        <v>21</v>
      </c>
      <c r="B17" s="2" t="str" cm="1">
        <f t="array" aca="1" ref="B17" ca="1">INDEX($C$1:$G$1,1,RANDBETWEEN(1,5))</f>
        <v>B</v>
      </c>
      <c r="C17" s="2" t="str">
        <f t="shared" ca="1" si="1"/>
        <v/>
      </c>
      <c r="D17" s="2" t="str">
        <f t="shared" ca="1" si="2"/>
        <v>Ég</v>
      </c>
      <c r="E17" s="2" t="str">
        <f t="shared" ca="1" si="3"/>
        <v>Ég</v>
      </c>
      <c r="F17" s="2" t="str">
        <f t="shared" ca="1" si="4"/>
        <v/>
      </c>
      <c r="G17" s="2" t="str">
        <f t="shared" ca="1" si="5"/>
        <v>Ég</v>
      </c>
      <c r="H17" s="2">
        <f t="shared" ca="1" si="6"/>
        <v>3</v>
      </c>
    </row>
    <row r="18" spans="1:8" x14ac:dyDescent="0.25">
      <c r="A18" s="2" t="s">
        <v>22</v>
      </c>
      <c r="B18" s="2" t="str" cm="1">
        <f t="array" aca="1" ref="B18" ca="1">INDEX($C$1:$G$1,1,RANDBETWEEN(1,5))</f>
        <v>D</v>
      </c>
      <c r="C18" s="2" t="str">
        <f t="shared" ca="1" si="1"/>
        <v/>
      </c>
      <c r="D18" s="2" t="str">
        <f t="shared" ca="1" si="2"/>
        <v>Ég</v>
      </c>
      <c r="E18" s="2" t="str">
        <f t="shared" ca="1" si="3"/>
        <v>Ég</v>
      </c>
      <c r="F18" s="2" t="str">
        <f t="shared" ca="1" si="4"/>
        <v>Ég</v>
      </c>
      <c r="G18" s="2" t="str">
        <f t="shared" ca="1" si="5"/>
        <v>Ég</v>
      </c>
      <c r="H18" s="2">
        <f t="shared" ca="1" si="6"/>
        <v>4</v>
      </c>
    </row>
    <row r="19" spans="1:8" x14ac:dyDescent="0.25">
      <c r="A19" s="2" t="s">
        <v>23</v>
      </c>
      <c r="B19" s="2" t="str" cm="1">
        <f t="array" aca="1" ref="B19" ca="1">INDEX($C$1:$G$1,1,RANDBETWEEN(1,5))</f>
        <v>E</v>
      </c>
      <c r="C19" s="2" t="str">
        <f t="shared" ca="1" si="1"/>
        <v/>
      </c>
      <c r="D19" s="2" t="str">
        <f t="shared" ca="1" si="2"/>
        <v>Ég</v>
      </c>
      <c r="E19" s="2" t="str">
        <f t="shared" ca="1" si="3"/>
        <v>Ég</v>
      </c>
      <c r="F19" s="2" t="str">
        <f t="shared" ca="1" si="4"/>
        <v>Ég</v>
      </c>
      <c r="G19" s="2" t="str">
        <f t="shared" ca="1" si="5"/>
        <v/>
      </c>
      <c r="H19" s="2">
        <f t="shared" ca="1" si="6"/>
        <v>3</v>
      </c>
    </row>
    <row r="20" spans="1:8" x14ac:dyDescent="0.25">
      <c r="A20" s="2" t="s">
        <v>24</v>
      </c>
      <c r="B20" s="2" t="str" cm="1">
        <f t="array" aca="1" ref="B20" ca="1">INDEX($C$1:$G$1,1,RANDBETWEEN(1,5))</f>
        <v>B</v>
      </c>
      <c r="C20" s="2" t="str">
        <f t="shared" ca="1" si="1"/>
        <v/>
      </c>
      <c r="D20" s="2" t="str">
        <f t="shared" ca="1" si="2"/>
        <v/>
      </c>
      <c r="E20" s="2" t="str">
        <f t="shared" ca="1" si="3"/>
        <v>Ég</v>
      </c>
      <c r="F20" s="2" t="str">
        <f t="shared" ca="1" si="4"/>
        <v>Ég</v>
      </c>
      <c r="G20" s="2" t="str">
        <f t="shared" ca="1" si="5"/>
        <v/>
      </c>
      <c r="H20" s="2">
        <f t="shared" ca="1" si="6"/>
        <v>2</v>
      </c>
    </row>
    <row r="21" spans="1:8" x14ac:dyDescent="0.25">
      <c r="A21" s="2" t="s">
        <v>25</v>
      </c>
      <c r="B21" s="2" t="str" cm="1">
        <f t="array" aca="1" ref="B21" ca="1">INDEX($C$1:$G$1,1,RANDBETWEEN(1,5))</f>
        <v>B</v>
      </c>
      <c r="C21" s="2" t="str">
        <f t="shared" ca="1" si="1"/>
        <v/>
      </c>
      <c r="D21" s="2" t="str">
        <f t="shared" ca="1" si="2"/>
        <v>Ég</v>
      </c>
      <c r="E21" s="2" t="str">
        <f t="shared" ca="1" si="3"/>
        <v>Ég</v>
      </c>
      <c r="F21" s="2" t="str">
        <f t="shared" ca="1" si="4"/>
        <v>Ég</v>
      </c>
      <c r="G21" s="2" t="str">
        <f t="shared" ca="1" si="5"/>
        <v/>
      </c>
      <c r="H21" s="2">
        <f t="shared" ca="1" si="6"/>
        <v>3</v>
      </c>
    </row>
    <row r="22" spans="1:8" x14ac:dyDescent="0.25">
      <c r="A22" s="2" t="s">
        <v>26</v>
      </c>
      <c r="B22" s="2" t="str" cm="1">
        <f t="array" aca="1" ref="B22" ca="1">INDEX($C$1:$G$1,1,RANDBETWEEN(1,5))</f>
        <v>A</v>
      </c>
      <c r="C22" s="2" t="str">
        <f t="shared" ca="1" si="1"/>
        <v>Ég</v>
      </c>
      <c r="D22" s="2" t="str">
        <f t="shared" ca="1" si="2"/>
        <v>Ég</v>
      </c>
      <c r="E22" s="2" t="str">
        <f t="shared" ca="1" si="3"/>
        <v>Ég</v>
      </c>
      <c r="F22" s="2" t="str">
        <f t="shared" ca="1" si="4"/>
        <v>Ég</v>
      </c>
      <c r="G22" s="2" t="str">
        <f t="shared" ca="1" si="5"/>
        <v/>
      </c>
      <c r="H22" s="2">
        <f t="shared" ca="1" si="6"/>
        <v>4</v>
      </c>
    </row>
    <row r="23" spans="1:8" x14ac:dyDescent="0.25">
      <c r="A23" s="2" t="s">
        <v>27</v>
      </c>
      <c r="B23" s="2" t="str" cm="1">
        <f t="array" aca="1" ref="B23" ca="1">INDEX($C$1:$G$1,1,RANDBETWEEN(1,5))</f>
        <v>C</v>
      </c>
      <c r="C23" s="2" t="str">
        <f t="shared" ca="1" si="1"/>
        <v>Ég</v>
      </c>
      <c r="D23" s="2" t="str">
        <f t="shared" ca="1" si="2"/>
        <v>Ég</v>
      </c>
      <c r="E23" s="2" t="str">
        <f t="shared" ca="1" si="3"/>
        <v/>
      </c>
      <c r="F23" s="2" t="str">
        <f t="shared" ca="1" si="4"/>
        <v>Ég</v>
      </c>
      <c r="G23" s="2" t="str">
        <f t="shared" ca="1" si="5"/>
        <v/>
      </c>
      <c r="H23" s="2">
        <f t="shared" ca="1" si="6"/>
        <v>3</v>
      </c>
    </row>
    <row r="24" spans="1:8" x14ac:dyDescent="0.25">
      <c r="A24" s="2" t="s">
        <v>28</v>
      </c>
      <c r="B24" s="2" t="str" cm="1">
        <f t="array" aca="1" ref="B24" ca="1">INDEX($C$1:$G$1,1,RANDBETWEEN(1,5))</f>
        <v>E</v>
      </c>
      <c r="C24" s="2" t="str">
        <f t="shared" ca="1" si="1"/>
        <v>Ég</v>
      </c>
      <c r="D24" s="2" t="str">
        <f t="shared" ca="1" si="2"/>
        <v>Ég</v>
      </c>
      <c r="E24" s="2" t="str">
        <f t="shared" ca="1" si="3"/>
        <v/>
      </c>
      <c r="F24" s="2" t="str">
        <f t="shared" ca="1" si="4"/>
        <v>Ég</v>
      </c>
      <c r="G24" s="2" t="str">
        <f t="shared" ca="1" si="5"/>
        <v>Ég</v>
      </c>
      <c r="H24" s="2">
        <f t="shared" ca="1" si="6"/>
        <v>4</v>
      </c>
    </row>
    <row r="25" spans="1:8" x14ac:dyDescent="0.25">
      <c r="A25" s="2" t="s">
        <v>29</v>
      </c>
      <c r="B25" s="2" t="str" cm="1">
        <f t="array" aca="1" ref="B25" ca="1">INDEX($C$1:$G$1,1,RANDBETWEEN(1,5))</f>
        <v>C</v>
      </c>
      <c r="C25" s="2" t="str">
        <f t="shared" ca="1" si="1"/>
        <v>Ég</v>
      </c>
      <c r="D25" s="2" t="str">
        <f t="shared" ca="1" si="2"/>
        <v>Ég</v>
      </c>
      <c r="E25" s="2" t="str">
        <f t="shared" ca="1" si="3"/>
        <v>Ég</v>
      </c>
      <c r="F25" s="2" t="str">
        <f t="shared" ca="1" si="4"/>
        <v>Ég</v>
      </c>
      <c r="G25" s="2" t="str">
        <f t="shared" ca="1" si="5"/>
        <v>Ég</v>
      </c>
      <c r="H25" s="2">
        <f t="shared" ca="1" si="6"/>
        <v>5</v>
      </c>
    </row>
    <row r="26" spans="1:8" x14ac:dyDescent="0.25">
      <c r="A26" s="2" t="s">
        <v>30</v>
      </c>
      <c r="B26" s="2" t="str" cm="1">
        <f t="array" aca="1" ref="B26" ca="1">INDEX($C$1:$G$1,1,RANDBETWEEN(1,5))</f>
        <v>A</v>
      </c>
      <c r="C26" s="2" t="str">
        <f t="shared" ca="1" si="1"/>
        <v/>
      </c>
      <c r="D26" s="2" t="str">
        <f t="shared" ca="1" si="2"/>
        <v>Ég</v>
      </c>
      <c r="E26" s="2" t="str">
        <f t="shared" ca="1" si="3"/>
        <v>Ég</v>
      </c>
      <c r="F26" s="2" t="str">
        <f t="shared" ca="1" si="4"/>
        <v>Ég</v>
      </c>
      <c r="G26" s="2" t="str">
        <f t="shared" ca="1" si="5"/>
        <v>Ég</v>
      </c>
      <c r="H26" s="2">
        <f t="shared" ca="1" si="6"/>
        <v>4</v>
      </c>
    </row>
    <row r="27" spans="1:8" x14ac:dyDescent="0.25">
      <c r="A27" s="2" t="s">
        <v>31</v>
      </c>
      <c r="B27" s="2" t="str" cm="1">
        <f t="array" aca="1" ref="B27" ca="1">INDEX($C$1:$G$1,1,RANDBETWEEN(1,5))</f>
        <v>D</v>
      </c>
      <c r="C27" s="2" t="str">
        <f t="shared" ca="1" si="1"/>
        <v/>
      </c>
      <c r="D27" s="2" t="str">
        <f t="shared" ca="1" si="2"/>
        <v>Ég</v>
      </c>
      <c r="E27" s="2" t="str">
        <f t="shared" ca="1" si="3"/>
        <v>Ég</v>
      </c>
      <c r="F27" s="2" t="str">
        <f t="shared" ca="1" si="4"/>
        <v/>
      </c>
      <c r="G27" s="2" t="str">
        <f t="shared" ca="1" si="5"/>
        <v>Ég</v>
      </c>
      <c r="H27" s="2">
        <f t="shared" ca="1" si="6"/>
        <v>3</v>
      </c>
    </row>
    <row r="28" spans="1:8" x14ac:dyDescent="0.25">
      <c r="A28" s="2" t="s">
        <v>32</v>
      </c>
      <c r="B28" s="2" t="str" cm="1">
        <f t="array" aca="1" ref="B28" ca="1">INDEX($C$1:$G$1,1,RANDBETWEEN(1,5))</f>
        <v>A</v>
      </c>
      <c r="C28" s="2" t="str">
        <f t="shared" ca="1" si="1"/>
        <v>Ég</v>
      </c>
      <c r="D28" s="2" t="str">
        <f t="shared" ca="1" si="2"/>
        <v>Ég</v>
      </c>
      <c r="E28" s="2" t="str">
        <f t="shared" ca="1" si="3"/>
        <v>Ég</v>
      </c>
      <c r="F28" s="2" t="str">
        <f t="shared" ca="1" si="4"/>
        <v/>
      </c>
      <c r="G28" s="2" t="str">
        <f t="shared" ca="1" si="5"/>
        <v>Ég</v>
      </c>
      <c r="H28" s="2">
        <f t="shared" ca="1" si="6"/>
        <v>4</v>
      </c>
    </row>
    <row r="29" spans="1:8" x14ac:dyDescent="0.25">
      <c r="A29" s="2" t="s">
        <v>33</v>
      </c>
      <c r="B29" s="2" t="str" cm="1">
        <f t="array" aca="1" ref="B29" ca="1">INDEX($C$1:$G$1,1,RANDBETWEEN(1,5))</f>
        <v>B</v>
      </c>
      <c r="C29" s="2" t="str">
        <f t="shared" ca="1" si="1"/>
        <v>Ég</v>
      </c>
      <c r="D29" s="2" t="str">
        <f t="shared" ca="1" si="2"/>
        <v/>
      </c>
      <c r="E29" s="2" t="str">
        <f t="shared" ca="1" si="3"/>
        <v>Ég</v>
      </c>
      <c r="F29" s="2" t="str">
        <f t="shared" ca="1" si="4"/>
        <v/>
      </c>
      <c r="G29" s="2" t="str">
        <f t="shared" ca="1" si="5"/>
        <v>Ég</v>
      </c>
      <c r="H29" s="2">
        <f t="shared" ca="1" si="6"/>
        <v>3</v>
      </c>
    </row>
    <row r="30" spans="1:8" x14ac:dyDescent="0.25">
      <c r="A30" s="2" t="s">
        <v>34</v>
      </c>
      <c r="B30" s="2" t="str" cm="1">
        <f t="array" aca="1" ref="B30" ca="1">INDEX($C$1:$G$1,1,RANDBETWEEN(1,5))</f>
        <v>D</v>
      </c>
      <c r="C30" s="2" t="str">
        <f t="shared" ca="1" si="1"/>
        <v>Ég</v>
      </c>
      <c r="D30" s="2" t="str">
        <f t="shared" ca="1" si="2"/>
        <v/>
      </c>
      <c r="E30" s="2" t="str">
        <f t="shared" ca="1" si="3"/>
        <v>Ég</v>
      </c>
      <c r="F30" s="2" t="str">
        <f t="shared" ca="1" si="4"/>
        <v>Ég</v>
      </c>
      <c r="G30" s="2" t="str">
        <f t="shared" ca="1" si="5"/>
        <v>Ég</v>
      </c>
      <c r="H30" s="2">
        <f t="shared" ca="1" si="6"/>
        <v>4</v>
      </c>
    </row>
    <row r="31" spans="1:8" x14ac:dyDescent="0.25">
      <c r="A31" s="2" t="s">
        <v>35</v>
      </c>
      <c r="B31" s="2" t="str" cm="1">
        <f t="array" aca="1" ref="B31" ca="1">INDEX($C$1:$G$1,1,RANDBETWEEN(1,5))</f>
        <v>D</v>
      </c>
      <c r="C31" s="2" t="str">
        <f t="shared" ca="1" si="1"/>
        <v>Ég</v>
      </c>
      <c r="D31" s="2" t="str">
        <f t="shared" ca="1" si="2"/>
        <v/>
      </c>
      <c r="E31" s="2" t="str">
        <f t="shared" ca="1" si="3"/>
        <v>Ég</v>
      </c>
      <c r="F31" s="2" t="str">
        <f t="shared" ca="1" si="4"/>
        <v/>
      </c>
      <c r="G31" s="2" t="str">
        <f t="shared" ca="1" si="5"/>
        <v>Ég</v>
      </c>
      <c r="H31" s="2">
        <f t="shared" ca="1" si="6"/>
        <v>3</v>
      </c>
    </row>
    <row r="32" spans="1:8" x14ac:dyDescent="0.25">
      <c r="A32" s="2" t="s">
        <v>36</v>
      </c>
      <c r="B32" s="2" t="str" cm="1">
        <f t="array" aca="1" ref="B32" ca="1">INDEX($C$1:$G$1,1,RANDBETWEEN(1,5))</f>
        <v>B</v>
      </c>
      <c r="C32" s="2" t="str">
        <f t="shared" ca="1" si="1"/>
        <v>Ég</v>
      </c>
      <c r="D32" s="2" t="str">
        <f t="shared" ca="1" si="2"/>
        <v>Ég</v>
      </c>
      <c r="E32" s="2" t="str">
        <f t="shared" ca="1" si="3"/>
        <v>Ég</v>
      </c>
      <c r="F32" s="2" t="str">
        <f t="shared" ca="1" si="4"/>
        <v/>
      </c>
      <c r="G32" s="2" t="str">
        <f t="shared" ca="1" si="5"/>
        <v>Ég</v>
      </c>
      <c r="H32" s="2">
        <f t="shared" ca="1" si="6"/>
        <v>4</v>
      </c>
    </row>
    <row r="33" spans="1:8" x14ac:dyDescent="0.25">
      <c r="A33" s="2" t="s">
        <v>37</v>
      </c>
      <c r="B33" s="2" t="str" cm="1">
        <f t="array" aca="1" ref="B33" ca="1">INDEX($C$1:$G$1,1,RANDBETWEEN(1,5))</f>
        <v>E</v>
      </c>
      <c r="C33" s="2" t="str">
        <f t="shared" ca="1" si="1"/>
        <v>Ég</v>
      </c>
      <c r="D33" s="2" t="str">
        <f t="shared" ca="1" si="2"/>
        <v>Ég</v>
      </c>
      <c r="E33" s="2" t="str">
        <f t="shared" ca="1" si="3"/>
        <v>Ég</v>
      </c>
      <c r="F33" s="2" t="str">
        <f t="shared" ca="1" si="4"/>
        <v/>
      </c>
      <c r="G33" s="2" t="str">
        <f t="shared" ca="1" si="5"/>
        <v/>
      </c>
      <c r="H33" s="2">
        <f t="shared" ca="1" si="6"/>
        <v>3</v>
      </c>
    </row>
    <row r="34" spans="1:8" x14ac:dyDescent="0.25">
      <c r="A34" s="2" t="s">
        <v>38</v>
      </c>
      <c r="B34" s="2" t="str" cm="1">
        <f t="array" aca="1" ref="B34" ca="1">INDEX($C$1:$G$1,1,RANDBETWEEN(1,5))</f>
        <v>D</v>
      </c>
      <c r="C34" s="2" t="str">
        <f t="shared" ca="1" si="1"/>
        <v>Ég</v>
      </c>
      <c r="D34" s="2" t="str">
        <f t="shared" ca="1" si="2"/>
        <v>Ég</v>
      </c>
      <c r="E34" s="2" t="str">
        <f t="shared" ca="1" si="3"/>
        <v>Ég</v>
      </c>
      <c r="F34" s="2" t="str">
        <f t="shared" ca="1" si="4"/>
        <v>Ég</v>
      </c>
      <c r="G34" s="2" t="str">
        <f t="shared" ca="1" si="5"/>
        <v/>
      </c>
      <c r="H34" s="2">
        <f t="shared" ca="1" si="6"/>
        <v>4</v>
      </c>
    </row>
    <row r="35" spans="1:8" x14ac:dyDescent="0.25">
      <c r="A35" s="2" t="s">
        <v>39</v>
      </c>
      <c r="B35" s="2" t="str" cm="1">
        <f t="array" aca="1" ref="B35" ca="1">INDEX($C$1:$G$1,1,RANDBETWEEN(1,5))</f>
        <v>B</v>
      </c>
      <c r="C35" s="2" t="str">
        <f t="shared" ca="1" si="1"/>
        <v>Ég</v>
      </c>
      <c r="D35" s="2" t="str">
        <f t="shared" ca="1" si="2"/>
        <v/>
      </c>
      <c r="E35" s="2" t="str">
        <f t="shared" ca="1" si="3"/>
        <v>Ég</v>
      </c>
      <c r="F35" s="2" t="str">
        <f t="shared" ca="1" si="4"/>
        <v>Ég</v>
      </c>
      <c r="G35" s="2" t="str">
        <f t="shared" ca="1" si="5"/>
        <v/>
      </c>
      <c r="H35" s="2">
        <f t="shared" ca="1" si="6"/>
        <v>3</v>
      </c>
    </row>
    <row r="36" spans="1:8" x14ac:dyDescent="0.25">
      <c r="A36" s="2" t="s">
        <v>40</v>
      </c>
      <c r="B36" s="2" t="str" cm="1">
        <f t="array" aca="1" ref="B36" ca="1">INDEX($C$1:$G$1,1,RANDBETWEEN(1,5))</f>
        <v>A</v>
      </c>
      <c r="C36" s="2" t="str">
        <f t="shared" ca="1" si="1"/>
        <v/>
      </c>
      <c r="D36" s="2" t="str">
        <f t="shared" ca="1" si="2"/>
        <v/>
      </c>
      <c r="E36" s="2" t="str">
        <f t="shared" ca="1" si="3"/>
        <v>Ég</v>
      </c>
      <c r="F36" s="2" t="str">
        <f t="shared" ca="1" si="4"/>
        <v>Ég</v>
      </c>
      <c r="G36" s="2" t="str">
        <f t="shared" ca="1" si="5"/>
        <v/>
      </c>
      <c r="H36" s="2">
        <f t="shared" ca="1" si="6"/>
        <v>2</v>
      </c>
    </row>
    <row r="37" spans="1:8" x14ac:dyDescent="0.25">
      <c r="A37" s="2" t="s">
        <v>41</v>
      </c>
      <c r="B37" s="2" t="str" cm="1">
        <f t="array" aca="1" ref="B37" ca="1">INDEX($C$1:$G$1,1,RANDBETWEEN(1,5))</f>
        <v>C</v>
      </c>
      <c r="C37" s="2" t="str">
        <f t="shared" ca="1" si="1"/>
        <v/>
      </c>
      <c r="D37" s="2" t="str">
        <f t="shared" ca="1" si="2"/>
        <v/>
      </c>
      <c r="E37" s="2" t="str">
        <f t="shared" ca="1" si="3"/>
        <v/>
      </c>
      <c r="F37" s="2" t="str">
        <f t="shared" ca="1" si="4"/>
        <v>Ég</v>
      </c>
      <c r="G37" s="2" t="str">
        <f t="shared" ca="1" si="5"/>
        <v/>
      </c>
      <c r="H37" s="2">
        <f t="shared" ca="1" si="6"/>
        <v>1</v>
      </c>
    </row>
    <row r="38" spans="1:8" x14ac:dyDescent="0.25">
      <c r="A38" s="2" t="s">
        <v>42</v>
      </c>
      <c r="B38" s="2" t="str" cm="1">
        <f t="array" aca="1" ref="B38" ca="1">INDEX($C$1:$G$1,1,RANDBETWEEN(1,5))</f>
        <v>B</v>
      </c>
      <c r="C38" s="2" t="str">
        <f t="shared" ca="1" si="1"/>
        <v/>
      </c>
      <c r="D38" s="2" t="str">
        <f t="shared" ca="1" si="2"/>
        <v>Ég</v>
      </c>
      <c r="E38" s="2" t="str">
        <f t="shared" ca="1" si="3"/>
        <v/>
      </c>
      <c r="F38" s="2" t="str">
        <f t="shared" ca="1" si="4"/>
        <v>Ég</v>
      </c>
      <c r="G38" s="2" t="str">
        <f t="shared" ca="1" si="5"/>
        <v/>
      </c>
      <c r="H38" s="2">
        <f t="shared" ca="1" si="6"/>
        <v>2</v>
      </c>
    </row>
    <row r="39" spans="1:8" x14ac:dyDescent="0.25">
      <c r="A39" s="2" t="s">
        <v>43</v>
      </c>
      <c r="B39" s="2" t="str" cm="1">
        <f t="array" aca="1" ref="B39" ca="1">INDEX($C$1:$G$1,1,RANDBETWEEN(1,5))</f>
        <v>E</v>
      </c>
      <c r="C39" s="2" t="str">
        <f t="shared" ca="1" si="1"/>
        <v/>
      </c>
      <c r="D39" s="2" t="str">
        <f t="shared" ca="1" si="2"/>
        <v>Ég</v>
      </c>
      <c r="E39" s="2" t="str">
        <f t="shared" ca="1" si="3"/>
        <v/>
      </c>
      <c r="F39" s="2" t="str">
        <f t="shared" ca="1" si="4"/>
        <v>Ég</v>
      </c>
      <c r="G39" s="2" t="str">
        <f t="shared" ca="1" si="5"/>
        <v>Ég</v>
      </c>
      <c r="H39" s="2">
        <f t="shared" ca="1" si="6"/>
        <v>3</v>
      </c>
    </row>
    <row r="40" spans="1:8" x14ac:dyDescent="0.25">
      <c r="A40" s="2" t="s">
        <v>44</v>
      </c>
      <c r="B40" s="2" t="str" cm="1">
        <f t="array" aca="1" ref="B40" ca="1">INDEX($C$1:$G$1,1,RANDBETWEEN(1,5))</f>
        <v>C</v>
      </c>
      <c r="C40" s="2" t="str">
        <f t="shared" ca="1" si="1"/>
        <v/>
      </c>
      <c r="D40" s="2" t="str">
        <f t="shared" ca="1" si="2"/>
        <v>Ég</v>
      </c>
      <c r="E40" s="2" t="str">
        <f t="shared" ca="1" si="3"/>
        <v>Ég</v>
      </c>
      <c r="F40" s="2" t="str">
        <f t="shared" ca="1" si="4"/>
        <v>Ég</v>
      </c>
      <c r="G40" s="2" t="str">
        <f t="shared" ca="1" si="5"/>
        <v>Ég</v>
      </c>
      <c r="H40" s="2">
        <f t="shared" ca="1" si="6"/>
        <v>4</v>
      </c>
    </row>
    <row r="41" spans="1:8" x14ac:dyDescent="0.25">
      <c r="A41" s="2" t="s">
        <v>45</v>
      </c>
      <c r="B41" s="2" t="str" cm="1">
        <f t="array" aca="1" ref="B41" ca="1">INDEX($C$1:$G$1,1,RANDBETWEEN(1,5))</f>
        <v>A</v>
      </c>
      <c r="C41" s="2" t="str">
        <f t="shared" ca="1" si="1"/>
        <v>Ég</v>
      </c>
      <c r="D41" s="2" t="str">
        <f t="shared" ca="1" si="2"/>
        <v>Ég</v>
      </c>
      <c r="E41" s="2" t="str">
        <f t="shared" ca="1" si="3"/>
        <v>Ég</v>
      </c>
      <c r="F41" s="2" t="str">
        <f t="shared" ca="1" si="4"/>
        <v>Ég</v>
      </c>
      <c r="G41" s="2" t="str">
        <f t="shared" ca="1" si="5"/>
        <v>Ég</v>
      </c>
      <c r="H41" s="2">
        <f t="shared" ca="1" si="6"/>
        <v>5</v>
      </c>
    </row>
    <row r="42" spans="1:8" x14ac:dyDescent="0.25">
      <c r="A42" s="2" t="s">
        <v>46</v>
      </c>
      <c r="B42" s="2" t="str" cm="1">
        <f t="array" aca="1" ref="B42" ca="1">INDEX($C$1:$G$1,1,RANDBETWEEN(1,5))</f>
        <v>C</v>
      </c>
      <c r="C42" s="2" t="str">
        <f t="shared" ca="1" si="1"/>
        <v>Ég</v>
      </c>
      <c r="D42" s="2" t="str">
        <f t="shared" ca="1" si="2"/>
        <v>Ég</v>
      </c>
      <c r="E42" s="2" t="str">
        <f t="shared" ca="1" si="3"/>
        <v/>
      </c>
      <c r="F42" s="2" t="str">
        <f t="shared" ca="1" si="4"/>
        <v>Ég</v>
      </c>
      <c r="G42" s="2" t="str">
        <f t="shared" ca="1" si="5"/>
        <v>Ég</v>
      </c>
      <c r="H42" s="2">
        <f t="shared" ca="1" si="6"/>
        <v>4</v>
      </c>
    </row>
    <row r="43" spans="1:8" x14ac:dyDescent="0.25">
      <c r="A43" s="2" t="s">
        <v>47</v>
      </c>
      <c r="B43" s="2" t="str" cm="1">
        <f t="array" aca="1" ref="B43" ca="1">INDEX($C$1:$G$1,1,RANDBETWEEN(1,5))</f>
        <v>D</v>
      </c>
      <c r="C43" s="2" t="str">
        <f t="shared" ca="1" si="1"/>
        <v>Ég</v>
      </c>
      <c r="D43" s="2" t="str">
        <f t="shared" ca="1" si="2"/>
        <v>Ég</v>
      </c>
      <c r="E43" s="2" t="str">
        <f t="shared" ca="1" si="3"/>
        <v/>
      </c>
      <c r="F43" s="2" t="str">
        <f t="shared" ca="1" si="4"/>
        <v/>
      </c>
      <c r="G43" s="2" t="str">
        <f t="shared" ca="1" si="5"/>
        <v>Ég</v>
      </c>
      <c r="H43" s="2">
        <f t="shared" ca="1" si="6"/>
        <v>3</v>
      </c>
    </row>
    <row r="44" spans="1:8" x14ac:dyDescent="0.25">
      <c r="A44" s="2" t="s">
        <v>48</v>
      </c>
      <c r="B44" s="2" t="str" cm="1">
        <f t="array" aca="1" ref="B44" ca="1">INDEX($C$1:$G$1,1,RANDBETWEEN(1,5))</f>
        <v>A</v>
      </c>
      <c r="C44" s="2" t="str">
        <f t="shared" ca="1" si="1"/>
        <v/>
      </c>
      <c r="D44" s="2" t="str">
        <f t="shared" ca="1" si="2"/>
        <v>Ég</v>
      </c>
      <c r="E44" s="2" t="str">
        <f t="shared" ca="1" si="3"/>
        <v/>
      </c>
      <c r="F44" s="2" t="str">
        <f t="shared" ca="1" si="4"/>
        <v/>
      </c>
      <c r="G44" s="2" t="str">
        <f t="shared" ca="1" si="5"/>
        <v>Ég</v>
      </c>
      <c r="H44" s="2">
        <f t="shared" ca="1" si="6"/>
        <v>2</v>
      </c>
    </row>
    <row r="45" spans="1:8" x14ac:dyDescent="0.25">
      <c r="A45" s="2" t="s">
        <v>49</v>
      </c>
      <c r="B45" s="2" t="str" cm="1">
        <f t="array" aca="1" ref="B45" ca="1">INDEX($C$1:$G$1,1,RANDBETWEEN(1,5))</f>
        <v>A</v>
      </c>
      <c r="C45" s="2" t="str">
        <f t="shared" ca="1" si="1"/>
        <v>Ég</v>
      </c>
      <c r="D45" s="2" t="str">
        <f t="shared" ca="1" si="2"/>
        <v>Ég</v>
      </c>
      <c r="E45" s="2" t="str">
        <f t="shared" ca="1" si="3"/>
        <v/>
      </c>
      <c r="F45" s="2" t="str">
        <f t="shared" ca="1" si="4"/>
        <v/>
      </c>
      <c r="G45" s="2" t="str">
        <f t="shared" ca="1" si="5"/>
        <v>Ég</v>
      </c>
      <c r="H45" s="2">
        <f t="shared" ca="1" si="6"/>
        <v>3</v>
      </c>
    </row>
    <row r="46" spans="1:8" x14ac:dyDescent="0.25">
      <c r="A46" s="2" t="s">
        <v>50</v>
      </c>
      <c r="B46" s="2" t="str" cm="1">
        <f t="array" aca="1" ref="B46" ca="1">INDEX($C$1:$G$1,1,RANDBETWEEN(1,5))</f>
        <v>A</v>
      </c>
      <c r="C46" s="2" t="str">
        <f t="shared" ca="1" si="1"/>
        <v/>
      </c>
      <c r="D46" s="2" t="str">
        <f t="shared" ca="1" si="2"/>
        <v>Ég</v>
      </c>
      <c r="E46" s="2" t="str">
        <f t="shared" ca="1" si="3"/>
        <v/>
      </c>
      <c r="F46" s="2" t="str">
        <f t="shared" ca="1" si="4"/>
        <v/>
      </c>
      <c r="G46" s="2" t="str">
        <f t="shared" ca="1" si="5"/>
        <v>Ég</v>
      </c>
      <c r="H46" s="2">
        <f t="shared" ca="1" si="6"/>
        <v>2</v>
      </c>
    </row>
    <row r="47" spans="1:8" x14ac:dyDescent="0.25">
      <c r="A47" s="2" t="s">
        <v>51</v>
      </c>
      <c r="B47" s="2" t="str" cm="1">
        <f t="array" aca="1" ref="B47" ca="1">INDEX($C$1:$G$1,1,RANDBETWEEN(1,5))</f>
        <v>D</v>
      </c>
      <c r="C47" s="2" t="str">
        <f t="shared" ca="1" si="1"/>
        <v/>
      </c>
      <c r="D47" s="2" t="str">
        <f t="shared" ca="1" si="2"/>
        <v>Ég</v>
      </c>
      <c r="E47" s="2" t="str">
        <f t="shared" ca="1" si="3"/>
        <v/>
      </c>
      <c r="F47" s="2" t="str">
        <f t="shared" ca="1" si="4"/>
        <v>Ég</v>
      </c>
      <c r="G47" s="2" t="str">
        <f t="shared" ca="1" si="5"/>
        <v>Ég</v>
      </c>
      <c r="H47" s="2">
        <f t="shared" ca="1" si="6"/>
        <v>3</v>
      </c>
    </row>
    <row r="48" spans="1:8" x14ac:dyDescent="0.25">
      <c r="A48" s="2" t="s">
        <v>52</v>
      </c>
      <c r="B48" s="2" t="str" cm="1">
        <f t="array" aca="1" ref="B48" ca="1">INDEX($C$1:$G$1,1,RANDBETWEEN(1,5))</f>
        <v>C</v>
      </c>
      <c r="C48" s="2" t="str">
        <f t="shared" ca="1" si="1"/>
        <v/>
      </c>
      <c r="D48" s="2" t="str">
        <f t="shared" ca="1" si="2"/>
        <v>Ég</v>
      </c>
      <c r="E48" s="2" t="str">
        <f t="shared" ca="1" si="3"/>
        <v>Ég</v>
      </c>
      <c r="F48" s="2" t="str">
        <f t="shared" ca="1" si="4"/>
        <v>Ég</v>
      </c>
      <c r="G48" s="2" t="str">
        <f t="shared" ca="1" si="5"/>
        <v>Ég</v>
      </c>
      <c r="H48" s="2">
        <f t="shared" ca="1" si="6"/>
        <v>4</v>
      </c>
    </row>
    <row r="49" spans="1:8" x14ac:dyDescent="0.25">
      <c r="A49" s="2" t="s">
        <v>53</v>
      </c>
      <c r="B49" s="2" t="str" cm="1">
        <f t="array" aca="1" ref="B49" ca="1">INDEX($C$1:$G$1,1,RANDBETWEEN(1,5))</f>
        <v>E</v>
      </c>
      <c r="C49" s="2" t="str">
        <f t="shared" ca="1" si="1"/>
        <v/>
      </c>
      <c r="D49" s="2" t="str">
        <f t="shared" ca="1" si="2"/>
        <v>Ég</v>
      </c>
      <c r="E49" s="2" t="str">
        <f t="shared" ca="1" si="3"/>
        <v>Ég</v>
      </c>
      <c r="F49" s="2" t="str">
        <f t="shared" ca="1" si="4"/>
        <v>Ég</v>
      </c>
      <c r="G49" s="2" t="str">
        <f t="shared" ca="1" si="5"/>
        <v/>
      </c>
      <c r="H49" s="2">
        <f t="shared" ca="1" si="6"/>
        <v>3</v>
      </c>
    </row>
    <row r="50" spans="1:8" x14ac:dyDescent="0.25">
      <c r="A50" s="2" t="s">
        <v>54</v>
      </c>
      <c r="B50" s="2" t="str" cm="1">
        <f t="array" aca="1" ref="B50" ca="1">INDEX($C$1:$G$1,1,RANDBETWEEN(1,5))</f>
        <v>B</v>
      </c>
      <c r="C50" s="2" t="str">
        <f t="shared" ca="1" si="1"/>
        <v/>
      </c>
      <c r="D50" s="2" t="str">
        <f t="shared" ca="1" si="2"/>
        <v/>
      </c>
      <c r="E50" s="2" t="str">
        <f t="shared" ca="1" si="3"/>
        <v>Ég</v>
      </c>
      <c r="F50" s="2" t="str">
        <f t="shared" ca="1" si="4"/>
        <v>Ég</v>
      </c>
      <c r="G50" s="2" t="str">
        <f t="shared" ca="1" si="5"/>
        <v/>
      </c>
      <c r="H50" s="2">
        <f t="shared" ca="1" si="6"/>
        <v>2</v>
      </c>
    </row>
    <row r="51" spans="1:8" x14ac:dyDescent="0.25">
      <c r="A51" s="2" t="s">
        <v>55</v>
      </c>
      <c r="B51" s="2" t="str" cm="1">
        <f t="array" aca="1" ref="B51" ca="1">INDEX($C$1:$G$1,1,RANDBETWEEN(1,5))</f>
        <v>E</v>
      </c>
      <c r="C51" s="2" t="str">
        <f t="shared" ca="1" si="1"/>
        <v/>
      </c>
      <c r="D51" s="2" t="str">
        <f t="shared" ca="1" si="2"/>
        <v/>
      </c>
      <c r="E51" s="2" t="str">
        <f t="shared" ca="1" si="3"/>
        <v>Ég</v>
      </c>
      <c r="F51" s="2" t="str">
        <f t="shared" ca="1" si="4"/>
        <v>Ég</v>
      </c>
      <c r="G51" s="2" t="str">
        <f t="shared" ca="1" si="5"/>
        <v>Ég</v>
      </c>
      <c r="H51" s="2">
        <f t="shared" ca="1" si="6"/>
        <v>3</v>
      </c>
    </row>
    <row r="52" spans="1:8" x14ac:dyDescent="0.25">
      <c r="A52" s="2" t="s">
        <v>56</v>
      </c>
      <c r="B52" s="2" t="str" cm="1">
        <f t="array" aca="1" ref="B52" ca="1">INDEX($C$1:$G$1,1,RANDBETWEEN(1,5))</f>
        <v>B</v>
      </c>
      <c r="C52" s="2" t="str">
        <f t="shared" ca="1" si="1"/>
        <v/>
      </c>
      <c r="D52" s="2" t="str">
        <f t="shared" ca="1" si="2"/>
        <v>Ég</v>
      </c>
      <c r="E52" s="2" t="str">
        <f t="shared" ca="1" si="3"/>
        <v>Ég</v>
      </c>
      <c r="F52" s="2" t="str">
        <f t="shared" ca="1" si="4"/>
        <v>Ég</v>
      </c>
      <c r="G52" s="2" t="str">
        <f t="shared" ca="1" si="5"/>
        <v>Ég</v>
      </c>
      <c r="H52" s="2">
        <f t="shared" ca="1" si="6"/>
        <v>4</v>
      </c>
    </row>
    <row r="53" spans="1:8" x14ac:dyDescent="0.25">
      <c r="A53" s="2" t="s">
        <v>57</v>
      </c>
      <c r="B53" s="2" t="str" cm="1">
        <f t="array" aca="1" ref="B53" ca="1">INDEX($C$1:$G$1,1,RANDBETWEEN(1,5))</f>
        <v>B</v>
      </c>
      <c r="C53" s="2" t="str">
        <f t="shared" ca="1" si="1"/>
        <v/>
      </c>
      <c r="D53" s="2" t="str">
        <f t="shared" ca="1" si="2"/>
        <v/>
      </c>
      <c r="E53" s="2" t="str">
        <f t="shared" ca="1" si="3"/>
        <v>Ég</v>
      </c>
      <c r="F53" s="2" t="str">
        <f t="shared" ca="1" si="4"/>
        <v>Ég</v>
      </c>
      <c r="G53" s="2" t="str">
        <f t="shared" ca="1" si="5"/>
        <v>Ég</v>
      </c>
      <c r="H53" s="2">
        <f t="shared" ca="1" si="6"/>
        <v>3</v>
      </c>
    </row>
    <row r="54" spans="1:8" x14ac:dyDescent="0.25">
      <c r="A54" s="2" t="s">
        <v>58</v>
      </c>
      <c r="B54" s="2" t="str" cm="1">
        <f t="array" aca="1" ref="B54" ca="1">INDEX($C$1:$G$1,1,RANDBETWEEN(1,5))</f>
        <v>A</v>
      </c>
      <c r="C54" s="2" t="str">
        <f t="shared" ca="1" si="1"/>
        <v>Ég</v>
      </c>
      <c r="D54" s="2" t="str">
        <f t="shared" ca="1" si="2"/>
        <v/>
      </c>
      <c r="E54" s="2" t="str">
        <f t="shared" ca="1" si="3"/>
        <v>Ég</v>
      </c>
      <c r="F54" s="2" t="str">
        <f t="shared" ca="1" si="4"/>
        <v>Ég</v>
      </c>
      <c r="G54" s="2" t="str">
        <f t="shared" ca="1" si="5"/>
        <v>Ég</v>
      </c>
      <c r="H54" s="2">
        <f t="shared" ca="1" si="6"/>
        <v>4</v>
      </c>
    </row>
    <row r="55" spans="1:8" x14ac:dyDescent="0.25">
      <c r="A55" s="2" t="s">
        <v>59</v>
      </c>
      <c r="B55" s="2" t="str" cm="1">
        <f t="array" aca="1" ref="B55" ca="1">INDEX($C$1:$G$1,1,RANDBETWEEN(1,5))</f>
        <v>B</v>
      </c>
      <c r="C55" s="2" t="str">
        <f t="shared" ca="1" si="1"/>
        <v>Ég</v>
      </c>
      <c r="D55" s="2" t="str">
        <f t="shared" ca="1" si="2"/>
        <v>Ég</v>
      </c>
      <c r="E55" s="2" t="str">
        <f t="shared" ca="1" si="3"/>
        <v>Ég</v>
      </c>
      <c r="F55" s="2" t="str">
        <f t="shared" ca="1" si="4"/>
        <v>Ég</v>
      </c>
      <c r="G55" s="2" t="str">
        <f t="shared" ca="1" si="5"/>
        <v>Ég</v>
      </c>
      <c r="H55" s="2">
        <f t="shared" ca="1" si="6"/>
        <v>5</v>
      </c>
    </row>
    <row r="56" spans="1:8" x14ac:dyDescent="0.25">
      <c r="A56" s="2" t="s">
        <v>60</v>
      </c>
      <c r="B56" s="2" t="str" cm="1">
        <f t="array" aca="1" ref="B56" ca="1">INDEX($C$1:$G$1,1,RANDBETWEEN(1,5))</f>
        <v>D</v>
      </c>
      <c r="C56" s="2" t="str">
        <f t="shared" ca="1" si="1"/>
        <v>Ég</v>
      </c>
      <c r="D56" s="2" t="str">
        <f t="shared" ca="1" si="2"/>
        <v>Ég</v>
      </c>
      <c r="E56" s="2" t="str">
        <f t="shared" ca="1" si="3"/>
        <v>Ég</v>
      </c>
      <c r="F56" s="2" t="str">
        <f t="shared" ca="1" si="4"/>
        <v/>
      </c>
      <c r="G56" s="2" t="str">
        <f t="shared" ca="1" si="5"/>
        <v>Ég</v>
      </c>
      <c r="H56" s="2">
        <f t="shared" ca="1" si="6"/>
        <v>4</v>
      </c>
    </row>
    <row r="57" spans="1:8" x14ac:dyDescent="0.25">
      <c r="A57" s="2" t="s">
        <v>61</v>
      </c>
      <c r="B57" s="2" t="str" cm="1">
        <f t="array" aca="1" ref="B57" ca="1">INDEX($C$1:$G$1,1,RANDBETWEEN(1,5))</f>
        <v>C</v>
      </c>
      <c r="C57" s="2" t="str">
        <f t="shared" ca="1" si="1"/>
        <v>Ég</v>
      </c>
      <c r="D57" s="2" t="str">
        <f t="shared" ca="1" si="2"/>
        <v>Ég</v>
      </c>
      <c r="E57" s="2" t="str">
        <f t="shared" ca="1" si="3"/>
        <v/>
      </c>
      <c r="F57" s="2" t="str">
        <f t="shared" ca="1" si="4"/>
        <v/>
      </c>
      <c r="G57" s="2" t="str">
        <f t="shared" ca="1" si="5"/>
        <v>Ég</v>
      </c>
      <c r="H57" s="2">
        <f t="shared" ca="1" si="6"/>
        <v>3</v>
      </c>
    </row>
    <row r="58" spans="1:8" x14ac:dyDescent="0.25">
      <c r="A58" s="2" t="s">
        <v>62</v>
      </c>
      <c r="B58" s="2" t="str" cm="1">
        <f t="array" aca="1" ref="B58" ca="1">INDEX($C$1:$G$1,1,RANDBETWEEN(1,5))</f>
        <v>D</v>
      </c>
      <c r="C58" s="2" t="str">
        <f t="shared" ca="1" si="1"/>
        <v>Ég</v>
      </c>
      <c r="D58" s="2" t="str">
        <f t="shared" ca="1" si="2"/>
        <v>Ég</v>
      </c>
      <c r="E58" s="2" t="str">
        <f t="shared" ca="1" si="3"/>
        <v/>
      </c>
      <c r="F58" s="2" t="str">
        <f t="shared" ca="1" si="4"/>
        <v>Ég</v>
      </c>
      <c r="G58" s="2" t="str">
        <f t="shared" ca="1" si="5"/>
        <v>Ég</v>
      </c>
      <c r="H58" s="2">
        <f t="shared" ca="1" si="6"/>
        <v>4</v>
      </c>
    </row>
    <row r="59" spans="1:8" x14ac:dyDescent="0.25">
      <c r="A59" s="2" t="s">
        <v>63</v>
      </c>
      <c r="B59" s="2" t="str" cm="1">
        <f t="array" aca="1" ref="B59" ca="1">INDEX($C$1:$G$1,1,RANDBETWEEN(1,5))</f>
        <v>E</v>
      </c>
      <c r="C59" s="2" t="str">
        <f t="shared" ca="1" si="1"/>
        <v>Ég</v>
      </c>
      <c r="D59" s="2" t="str">
        <f t="shared" ca="1" si="2"/>
        <v>Ég</v>
      </c>
      <c r="E59" s="2" t="str">
        <f t="shared" ca="1" si="3"/>
        <v/>
      </c>
      <c r="F59" s="2" t="str">
        <f t="shared" ca="1" si="4"/>
        <v>Ég</v>
      </c>
      <c r="G59" s="2" t="str">
        <f t="shared" ca="1" si="5"/>
        <v/>
      </c>
      <c r="H59" s="2">
        <f t="shared" ca="1" si="6"/>
        <v>3</v>
      </c>
    </row>
    <row r="60" spans="1:8" x14ac:dyDescent="0.25">
      <c r="A60" s="2" t="s">
        <v>64</v>
      </c>
      <c r="B60" s="2" t="str" cm="1">
        <f t="array" aca="1" ref="B60" ca="1">INDEX($C$1:$G$1,1,RANDBETWEEN(1,5))</f>
        <v>A</v>
      </c>
      <c r="C60" s="2" t="str">
        <f t="shared" ca="1" si="1"/>
        <v/>
      </c>
      <c r="D60" s="2" t="str">
        <f t="shared" ca="1" si="2"/>
        <v>Ég</v>
      </c>
      <c r="E60" s="2" t="str">
        <f t="shared" ca="1" si="3"/>
        <v/>
      </c>
      <c r="F60" s="2" t="str">
        <f t="shared" ca="1" si="4"/>
        <v>Ég</v>
      </c>
      <c r="G60" s="2" t="str">
        <f t="shared" ca="1" si="5"/>
        <v/>
      </c>
      <c r="H60" s="2">
        <f t="shared" ca="1" si="6"/>
        <v>2</v>
      </c>
    </row>
    <row r="61" spans="1:8" x14ac:dyDescent="0.25">
      <c r="A61" s="2" t="s">
        <v>65</v>
      </c>
      <c r="B61" s="2" t="str" cm="1">
        <f t="array" aca="1" ref="B61" ca="1">INDEX($C$1:$G$1,1,RANDBETWEEN(1,5))</f>
        <v>B</v>
      </c>
      <c r="C61" s="2" t="str">
        <f t="shared" ca="1" si="1"/>
        <v/>
      </c>
      <c r="D61" s="2" t="str">
        <f t="shared" ca="1" si="2"/>
        <v/>
      </c>
      <c r="E61" s="2" t="str">
        <f t="shared" ca="1" si="3"/>
        <v/>
      </c>
      <c r="F61" s="2" t="str">
        <f t="shared" ca="1" si="4"/>
        <v>Ég</v>
      </c>
      <c r="G61" s="2" t="str">
        <f t="shared" ca="1" si="5"/>
        <v/>
      </c>
      <c r="H61" s="2">
        <f t="shared" ca="1" si="6"/>
        <v>1</v>
      </c>
    </row>
    <row r="62" spans="1:8" x14ac:dyDescent="0.25">
      <c r="A62" s="2" t="s">
        <v>66</v>
      </c>
      <c r="B62" s="2" t="str" cm="1">
        <f t="array" aca="1" ref="B62" ca="1">INDEX($C$1:$G$1,1,RANDBETWEEN(1,5))</f>
        <v>B</v>
      </c>
      <c r="C62" s="2" t="str">
        <f t="shared" ca="1" si="1"/>
        <v/>
      </c>
      <c r="D62" s="2" t="str">
        <f t="shared" ca="1" si="2"/>
        <v>Ég</v>
      </c>
      <c r="E62" s="2" t="str">
        <f t="shared" ca="1" si="3"/>
        <v/>
      </c>
      <c r="F62" s="2" t="str">
        <f t="shared" ca="1" si="4"/>
        <v>Ég</v>
      </c>
      <c r="G62" s="2" t="str">
        <f t="shared" ca="1" si="5"/>
        <v/>
      </c>
      <c r="H62" s="2">
        <f t="shared" ca="1" si="6"/>
        <v>2</v>
      </c>
    </row>
    <row r="63" spans="1:8" x14ac:dyDescent="0.25">
      <c r="A63" s="2" t="s">
        <v>67</v>
      </c>
      <c r="B63" s="2" t="str" cm="1">
        <f t="array" aca="1" ref="B63" ca="1">INDEX($C$1:$G$1,1,RANDBETWEEN(1,5))</f>
        <v>B</v>
      </c>
      <c r="C63" s="2" t="str">
        <f t="shared" ca="1" si="1"/>
        <v/>
      </c>
      <c r="D63" s="2" t="str">
        <f t="shared" ca="1" si="2"/>
        <v/>
      </c>
      <c r="E63" s="2" t="str">
        <f t="shared" ca="1" si="3"/>
        <v/>
      </c>
      <c r="F63" s="2" t="str">
        <f t="shared" ca="1" si="4"/>
        <v>Ég</v>
      </c>
      <c r="G63" s="2" t="str">
        <f t="shared" ca="1" si="5"/>
        <v/>
      </c>
      <c r="H63" s="2">
        <f t="shared" ca="1" si="6"/>
        <v>1</v>
      </c>
    </row>
    <row r="64" spans="1:8" x14ac:dyDescent="0.25">
      <c r="A64" s="2" t="s">
        <v>68</v>
      </c>
      <c r="B64" s="2" t="str" cm="1">
        <f t="array" aca="1" ref="B64" ca="1">INDEX($C$1:$G$1,1,RANDBETWEEN(1,5))</f>
        <v>E</v>
      </c>
      <c r="C64" s="2" t="str">
        <f t="shared" ca="1" si="1"/>
        <v/>
      </c>
      <c r="D64" s="2" t="str">
        <f t="shared" ca="1" si="2"/>
        <v/>
      </c>
      <c r="E64" s="2" t="str">
        <f t="shared" ca="1" si="3"/>
        <v/>
      </c>
      <c r="F64" s="2" t="str">
        <f t="shared" ca="1" si="4"/>
        <v>Ég</v>
      </c>
      <c r="G64" s="2" t="str">
        <f t="shared" ca="1" si="5"/>
        <v>Ég</v>
      </c>
      <c r="H64" s="2">
        <f t="shared" ca="1" si="6"/>
        <v>2</v>
      </c>
    </row>
    <row r="65" spans="1:8" x14ac:dyDescent="0.25">
      <c r="A65" s="2" t="s">
        <v>69</v>
      </c>
      <c r="B65" s="2" t="str" cm="1">
        <f t="array" aca="1" ref="B65" ca="1">INDEX($C$1:$G$1,1,RANDBETWEEN(1,5))</f>
        <v>C</v>
      </c>
      <c r="C65" s="2" t="str">
        <f t="shared" ca="1" si="1"/>
        <v/>
      </c>
      <c r="D65" s="2" t="str">
        <f t="shared" ca="1" si="2"/>
        <v/>
      </c>
      <c r="E65" s="2" t="str">
        <f t="shared" ca="1" si="3"/>
        <v>Ég</v>
      </c>
      <c r="F65" s="2" t="str">
        <f t="shared" ca="1" si="4"/>
        <v>Ég</v>
      </c>
      <c r="G65" s="2" t="str">
        <f t="shared" ca="1" si="5"/>
        <v>Ég</v>
      </c>
      <c r="H65" s="2">
        <f t="shared" ca="1" si="6"/>
        <v>3</v>
      </c>
    </row>
    <row r="66" spans="1:8" x14ac:dyDescent="0.25">
      <c r="A66" s="2" t="s">
        <v>70</v>
      </c>
      <c r="B66" s="2" t="str" cm="1">
        <f t="array" aca="1" ref="B66" ca="1">INDEX($C$1:$G$1,1,RANDBETWEEN(1,5))</f>
        <v>D</v>
      </c>
      <c r="C66" s="2" t="str">
        <f t="shared" ca="1" si="1"/>
        <v/>
      </c>
      <c r="D66" s="2" t="str">
        <f t="shared" ca="1" si="2"/>
        <v/>
      </c>
      <c r="E66" s="2" t="str">
        <f t="shared" ca="1" si="3"/>
        <v>Ég</v>
      </c>
      <c r="F66" s="2" t="str">
        <f t="shared" ca="1" si="4"/>
        <v/>
      </c>
      <c r="G66" s="2" t="str">
        <f t="shared" ca="1" si="5"/>
        <v>Ég</v>
      </c>
      <c r="H66" s="2">
        <f t="shared" ca="1" si="6"/>
        <v>2</v>
      </c>
    </row>
    <row r="67" spans="1:8" x14ac:dyDescent="0.25">
      <c r="A67" s="2" t="s">
        <v>71</v>
      </c>
      <c r="B67" s="2" t="str" cm="1">
        <f t="array" aca="1" ref="B67" ca="1">INDEX($C$1:$G$1,1,RANDBETWEEN(1,5))</f>
        <v>B</v>
      </c>
      <c r="C67" s="2" t="str">
        <f t="shared" ca="1" si="1"/>
        <v/>
      </c>
      <c r="D67" s="2" t="str">
        <f t="shared" ca="1" si="2"/>
        <v>Ég</v>
      </c>
      <c r="E67" s="2" t="str">
        <f t="shared" ca="1" si="3"/>
        <v>Ég</v>
      </c>
      <c r="F67" s="2" t="str">
        <f t="shared" ca="1" si="4"/>
        <v/>
      </c>
      <c r="G67" s="2" t="str">
        <f t="shared" ca="1" si="5"/>
        <v>Ég</v>
      </c>
      <c r="H67" s="2">
        <f t="shared" ca="1" si="6"/>
        <v>3</v>
      </c>
    </row>
    <row r="68" spans="1:8" x14ac:dyDescent="0.25">
      <c r="A68" s="2" t="s">
        <v>72</v>
      </c>
      <c r="B68" s="2" t="str" cm="1">
        <f t="array" aca="1" ref="B68" ca="1">INDEX($C$1:$G$1,1,RANDBETWEEN(1,5))</f>
        <v>C</v>
      </c>
      <c r="C68" s="2" t="str">
        <f t="shared" ref="C68:C102" ca="1" si="8">IF(_xlfn.XOR(C67="Ég",$B68=C$1),"Ég","")</f>
        <v/>
      </c>
      <c r="D68" s="2" t="str">
        <f t="shared" ref="D68:D102" ca="1" si="9">IF(_xlfn.XOR(D67="Ég",$B68=D$1),"Ég","")</f>
        <v>Ég</v>
      </c>
      <c r="E68" s="2" t="str">
        <f t="shared" ref="E68:E102" ca="1" si="10">IF(_xlfn.XOR(E67="Ég",$B68=E$1),"Ég","")</f>
        <v/>
      </c>
      <c r="F68" s="2" t="str">
        <f t="shared" ref="F68:F102" ca="1" si="11">IF(_xlfn.XOR(F67="Ég",$B68=F$1),"Ég","")</f>
        <v/>
      </c>
      <c r="G68" s="2" t="str">
        <f t="shared" ref="G68:G102" ca="1" si="12">IF(_xlfn.XOR(G67="Ég",$B68=G$1),"Ég","")</f>
        <v>Ég</v>
      </c>
      <c r="H68" s="2">
        <f t="shared" ref="H68:H102" ca="1" si="13">COUNTIFS(C68:G68,"Ég")</f>
        <v>2</v>
      </c>
    </row>
    <row r="69" spans="1:8" x14ac:dyDescent="0.25">
      <c r="A69" s="2" t="s">
        <v>73</v>
      </c>
      <c r="B69" s="2" t="str" cm="1">
        <f t="array" aca="1" ref="B69" ca="1">INDEX($C$1:$G$1,1,RANDBETWEEN(1,5))</f>
        <v>A</v>
      </c>
      <c r="C69" s="2" t="str">
        <f t="shared" ca="1" si="8"/>
        <v>Ég</v>
      </c>
      <c r="D69" s="2" t="str">
        <f t="shared" ca="1" si="9"/>
        <v>Ég</v>
      </c>
      <c r="E69" s="2" t="str">
        <f t="shared" ca="1" si="10"/>
        <v/>
      </c>
      <c r="F69" s="2" t="str">
        <f t="shared" ca="1" si="11"/>
        <v/>
      </c>
      <c r="G69" s="2" t="str">
        <f t="shared" ca="1" si="12"/>
        <v>Ég</v>
      </c>
      <c r="H69" s="2">
        <f t="shared" ca="1" si="13"/>
        <v>3</v>
      </c>
    </row>
    <row r="70" spans="1:8" x14ac:dyDescent="0.25">
      <c r="A70" s="2" t="s">
        <v>74</v>
      </c>
      <c r="B70" s="2" t="str" cm="1">
        <f t="array" aca="1" ref="B70" ca="1">INDEX($C$1:$G$1,1,RANDBETWEEN(1,5))</f>
        <v>A</v>
      </c>
      <c r="C70" s="2" t="str">
        <f t="shared" ca="1" si="8"/>
        <v/>
      </c>
      <c r="D70" s="2" t="str">
        <f t="shared" ca="1" si="9"/>
        <v>Ég</v>
      </c>
      <c r="E70" s="2" t="str">
        <f t="shared" ca="1" si="10"/>
        <v/>
      </c>
      <c r="F70" s="2" t="str">
        <f t="shared" ca="1" si="11"/>
        <v/>
      </c>
      <c r="G70" s="2" t="str">
        <f t="shared" ca="1" si="12"/>
        <v>Ég</v>
      </c>
      <c r="H70" s="2">
        <f t="shared" ca="1" si="13"/>
        <v>2</v>
      </c>
    </row>
    <row r="71" spans="1:8" x14ac:dyDescent="0.25">
      <c r="A71" s="2" t="s">
        <v>75</v>
      </c>
      <c r="B71" s="2" t="str" cm="1">
        <f t="array" aca="1" ref="B71" ca="1">INDEX($C$1:$G$1,1,RANDBETWEEN(1,5))</f>
        <v>A</v>
      </c>
      <c r="C71" s="2" t="str">
        <f t="shared" ca="1" si="8"/>
        <v>Ég</v>
      </c>
      <c r="D71" s="2" t="str">
        <f t="shared" ca="1" si="9"/>
        <v>Ég</v>
      </c>
      <c r="E71" s="2" t="str">
        <f t="shared" ca="1" si="10"/>
        <v/>
      </c>
      <c r="F71" s="2" t="str">
        <f t="shared" ca="1" si="11"/>
        <v/>
      </c>
      <c r="G71" s="2" t="str">
        <f t="shared" ca="1" si="12"/>
        <v>Ég</v>
      </c>
      <c r="H71" s="2">
        <f t="shared" ca="1" si="13"/>
        <v>3</v>
      </c>
    </row>
    <row r="72" spans="1:8" x14ac:dyDescent="0.25">
      <c r="A72" s="2" t="s">
        <v>76</v>
      </c>
      <c r="B72" s="2" t="str" cm="1">
        <f t="array" aca="1" ref="B72" ca="1">INDEX($C$1:$G$1,1,RANDBETWEEN(1,5))</f>
        <v>C</v>
      </c>
      <c r="C72" s="2" t="str">
        <f t="shared" ca="1" si="8"/>
        <v>Ég</v>
      </c>
      <c r="D72" s="2" t="str">
        <f t="shared" ca="1" si="9"/>
        <v>Ég</v>
      </c>
      <c r="E72" s="2" t="str">
        <f t="shared" ca="1" si="10"/>
        <v>Ég</v>
      </c>
      <c r="F72" s="2" t="str">
        <f t="shared" ca="1" si="11"/>
        <v/>
      </c>
      <c r="G72" s="2" t="str">
        <f t="shared" ca="1" si="12"/>
        <v>Ég</v>
      </c>
      <c r="H72" s="2">
        <f t="shared" ca="1" si="13"/>
        <v>4</v>
      </c>
    </row>
    <row r="73" spans="1:8" x14ac:dyDescent="0.25">
      <c r="A73" s="2" t="s">
        <v>77</v>
      </c>
      <c r="B73" s="2" t="str" cm="1">
        <f t="array" aca="1" ref="B73" ca="1">INDEX($C$1:$G$1,1,RANDBETWEEN(1,5))</f>
        <v>C</v>
      </c>
      <c r="C73" s="2" t="str">
        <f t="shared" ca="1" si="8"/>
        <v>Ég</v>
      </c>
      <c r="D73" s="2" t="str">
        <f t="shared" ca="1" si="9"/>
        <v>Ég</v>
      </c>
      <c r="E73" s="2" t="str">
        <f t="shared" ca="1" si="10"/>
        <v/>
      </c>
      <c r="F73" s="2" t="str">
        <f t="shared" ca="1" si="11"/>
        <v/>
      </c>
      <c r="G73" s="2" t="str">
        <f t="shared" ca="1" si="12"/>
        <v>Ég</v>
      </c>
      <c r="H73" s="2">
        <f t="shared" ca="1" si="13"/>
        <v>3</v>
      </c>
    </row>
    <row r="74" spans="1:8" x14ac:dyDescent="0.25">
      <c r="A74" s="2" t="s">
        <v>78</v>
      </c>
      <c r="B74" s="2" t="str" cm="1">
        <f t="array" aca="1" ref="B74" ca="1">INDEX($C$1:$G$1,1,RANDBETWEEN(1,5))</f>
        <v>B</v>
      </c>
      <c r="C74" s="2" t="str">
        <f t="shared" ca="1" si="8"/>
        <v>Ég</v>
      </c>
      <c r="D74" s="2" t="str">
        <f t="shared" ca="1" si="9"/>
        <v/>
      </c>
      <c r="E74" s="2" t="str">
        <f t="shared" ca="1" si="10"/>
        <v/>
      </c>
      <c r="F74" s="2" t="str">
        <f t="shared" ca="1" si="11"/>
        <v/>
      </c>
      <c r="G74" s="2" t="str">
        <f t="shared" ca="1" si="12"/>
        <v>Ég</v>
      </c>
      <c r="H74" s="2">
        <f t="shared" ca="1" si="13"/>
        <v>2</v>
      </c>
    </row>
    <row r="75" spans="1:8" x14ac:dyDescent="0.25">
      <c r="A75" s="2" t="s">
        <v>79</v>
      </c>
      <c r="B75" s="2" t="str" cm="1">
        <f t="array" aca="1" ref="B75" ca="1">INDEX($C$1:$G$1,1,RANDBETWEEN(1,5))</f>
        <v>C</v>
      </c>
      <c r="C75" s="2" t="str">
        <f t="shared" ca="1" si="8"/>
        <v>Ég</v>
      </c>
      <c r="D75" s="2" t="str">
        <f t="shared" ca="1" si="9"/>
        <v/>
      </c>
      <c r="E75" s="2" t="str">
        <f t="shared" ca="1" si="10"/>
        <v>Ég</v>
      </c>
      <c r="F75" s="2" t="str">
        <f t="shared" ca="1" si="11"/>
        <v/>
      </c>
      <c r="G75" s="2" t="str">
        <f t="shared" ca="1" si="12"/>
        <v>Ég</v>
      </c>
      <c r="H75" s="2">
        <f t="shared" ca="1" si="13"/>
        <v>3</v>
      </c>
    </row>
    <row r="76" spans="1:8" x14ac:dyDescent="0.25">
      <c r="A76" s="2" t="s">
        <v>80</v>
      </c>
      <c r="B76" s="2" t="str" cm="1">
        <f t="array" aca="1" ref="B76" ca="1">INDEX($C$1:$G$1,1,RANDBETWEEN(1,5))</f>
        <v>E</v>
      </c>
      <c r="C76" s="2" t="str">
        <f t="shared" ca="1" si="8"/>
        <v>Ég</v>
      </c>
      <c r="D76" s="2" t="str">
        <f t="shared" ca="1" si="9"/>
        <v/>
      </c>
      <c r="E76" s="2" t="str">
        <f t="shared" ca="1" si="10"/>
        <v>Ég</v>
      </c>
      <c r="F76" s="2" t="str">
        <f t="shared" ca="1" si="11"/>
        <v/>
      </c>
      <c r="G76" s="2" t="str">
        <f t="shared" ca="1" si="12"/>
        <v/>
      </c>
      <c r="H76" s="2">
        <f t="shared" ca="1" si="13"/>
        <v>2</v>
      </c>
    </row>
    <row r="77" spans="1:8" x14ac:dyDescent="0.25">
      <c r="A77" s="2" t="s">
        <v>81</v>
      </c>
      <c r="B77" s="2" t="str" cm="1">
        <f t="array" aca="1" ref="B77" ca="1">INDEX($C$1:$G$1,1,RANDBETWEEN(1,5))</f>
        <v>C</v>
      </c>
      <c r="C77" s="2" t="str">
        <f t="shared" ca="1" si="8"/>
        <v>Ég</v>
      </c>
      <c r="D77" s="2" t="str">
        <f t="shared" ca="1" si="9"/>
        <v/>
      </c>
      <c r="E77" s="2" t="str">
        <f t="shared" ca="1" si="10"/>
        <v/>
      </c>
      <c r="F77" s="2" t="str">
        <f t="shared" ca="1" si="11"/>
        <v/>
      </c>
      <c r="G77" s="2" t="str">
        <f t="shared" ca="1" si="12"/>
        <v/>
      </c>
      <c r="H77" s="2">
        <f t="shared" ca="1" si="13"/>
        <v>1</v>
      </c>
    </row>
    <row r="78" spans="1:8" x14ac:dyDescent="0.25">
      <c r="A78" s="2" t="s">
        <v>82</v>
      </c>
      <c r="B78" s="2" t="str" cm="1">
        <f t="array" aca="1" ref="B78" ca="1">INDEX($C$1:$G$1,1,RANDBETWEEN(1,5))</f>
        <v>A</v>
      </c>
      <c r="C78" s="2" t="str">
        <f t="shared" ca="1" si="8"/>
        <v/>
      </c>
      <c r="D78" s="2" t="str">
        <f t="shared" ca="1" si="9"/>
        <v/>
      </c>
      <c r="E78" s="2" t="str">
        <f t="shared" ca="1" si="10"/>
        <v/>
      </c>
      <c r="F78" s="2" t="str">
        <f t="shared" ca="1" si="11"/>
        <v/>
      </c>
      <c r="G78" s="2" t="str">
        <f t="shared" ca="1" si="12"/>
        <v/>
      </c>
      <c r="H78" s="2">
        <f t="shared" ca="1" si="13"/>
        <v>0</v>
      </c>
    </row>
    <row r="79" spans="1:8" x14ac:dyDescent="0.25">
      <c r="A79" s="2" t="s">
        <v>83</v>
      </c>
      <c r="B79" s="2" t="str" cm="1">
        <f t="array" aca="1" ref="B79" ca="1">INDEX($C$1:$G$1,1,RANDBETWEEN(1,5))</f>
        <v>A</v>
      </c>
      <c r="C79" s="2" t="str">
        <f t="shared" ca="1" si="8"/>
        <v>Ég</v>
      </c>
      <c r="D79" s="2" t="str">
        <f t="shared" ca="1" si="9"/>
        <v/>
      </c>
      <c r="E79" s="2" t="str">
        <f t="shared" ca="1" si="10"/>
        <v/>
      </c>
      <c r="F79" s="2" t="str">
        <f t="shared" ca="1" si="11"/>
        <v/>
      </c>
      <c r="G79" s="2" t="str">
        <f t="shared" ca="1" si="12"/>
        <v/>
      </c>
      <c r="H79" s="2">
        <f t="shared" ca="1" si="13"/>
        <v>1</v>
      </c>
    </row>
    <row r="80" spans="1:8" x14ac:dyDescent="0.25">
      <c r="A80" s="2" t="s">
        <v>84</v>
      </c>
      <c r="B80" s="2" t="str" cm="1">
        <f t="array" aca="1" ref="B80" ca="1">INDEX($C$1:$G$1,1,RANDBETWEEN(1,5))</f>
        <v>E</v>
      </c>
      <c r="C80" s="2" t="str">
        <f t="shared" ca="1" si="8"/>
        <v>Ég</v>
      </c>
      <c r="D80" s="2" t="str">
        <f t="shared" ca="1" si="9"/>
        <v/>
      </c>
      <c r="E80" s="2" t="str">
        <f t="shared" ca="1" si="10"/>
        <v/>
      </c>
      <c r="F80" s="2" t="str">
        <f t="shared" ca="1" si="11"/>
        <v/>
      </c>
      <c r="G80" s="2" t="str">
        <f t="shared" ca="1" si="12"/>
        <v>Ég</v>
      </c>
      <c r="H80" s="2">
        <f t="shared" ca="1" si="13"/>
        <v>2</v>
      </c>
    </row>
    <row r="81" spans="1:8" x14ac:dyDescent="0.25">
      <c r="A81" s="2" t="s">
        <v>85</v>
      </c>
      <c r="B81" s="2" t="str" cm="1">
        <f t="array" aca="1" ref="B81" ca="1">INDEX($C$1:$G$1,1,RANDBETWEEN(1,5))</f>
        <v>A</v>
      </c>
      <c r="C81" s="2" t="str">
        <f t="shared" ca="1" si="8"/>
        <v/>
      </c>
      <c r="D81" s="2" t="str">
        <f t="shared" ca="1" si="9"/>
        <v/>
      </c>
      <c r="E81" s="2" t="str">
        <f t="shared" ca="1" si="10"/>
        <v/>
      </c>
      <c r="F81" s="2" t="str">
        <f t="shared" ca="1" si="11"/>
        <v/>
      </c>
      <c r="G81" s="2" t="str">
        <f t="shared" ca="1" si="12"/>
        <v>Ég</v>
      </c>
      <c r="H81" s="2">
        <f t="shared" ca="1" si="13"/>
        <v>1</v>
      </c>
    </row>
    <row r="82" spans="1:8" x14ac:dyDescent="0.25">
      <c r="A82" s="2" t="s">
        <v>86</v>
      </c>
      <c r="B82" s="2" t="str" cm="1">
        <f t="array" aca="1" ref="B82" ca="1">INDEX($C$1:$G$1,1,RANDBETWEEN(1,5))</f>
        <v>A</v>
      </c>
      <c r="C82" s="2" t="str">
        <f t="shared" ca="1" si="8"/>
        <v>Ég</v>
      </c>
      <c r="D82" s="2" t="str">
        <f t="shared" ca="1" si="9"/>
        <v/>
      </c>
      <c r="E82" s="2" t="str">
        <f t="shared" ca="1" si="10"/>
        <v/>
      </c>
      <c r="F82" s="2" t="str">
        <f t="shared" ca="1" si="11"/>
        <v/>
      </c>
      <c r="G82" s="2" t="str">
        <f t="shared" ca="1" si="12"/>
        <v>Ég</v>
      </c>
      <c r="H82" s="2">
        <f t="shared" ca="1" si="13"/>
        <v>2</v>
      </c>
    </row>
    <row r="83" spans="1:8" x14ac:dyDescent="0.25">
      <c r="A83" s="2" t="s">
        <v>87</v>
      </c>
      <c r="B83" s="2" t="str" cm="1">
        <f t="array" aca="1" ref="B83" ca="1">INDEX($C$1:$G$1,1,RANDBETWEEN(1,5))</f>
        <v>E</v>
      </c>
      <c r="C83" s="2" t="str">
        <f t="shared" ca="1" si="8"/>
        <v>Ég</v>
      </c>
      <c r="D83" s="2" t="str">
        <f t="shared" ca="1" si="9"/>
        <v/>
      </c>
      <c r="E83" s="2" t="str">
        <f t="shared" ca="1" si="10"/>
        <v/>
      </c>
      <c r="F83" s="2" t="str">
        <f t="shared" ca="1" si="11"/>
        <v/>
      </c>
      <c r="G83" s="2" t="str">
        <f t="shared" ca="1" si="12"/>
        <v/>
      </c>
      <c r="H83" s="2">
        <f t="shared" ca="1" si="13"/>
        <v>1</v>
      </c>
    </row>
    <row r="84" spans="1:8" x14ac:dyDescent="0.25">
      <c r="A84" s="2" t="s">
        <v>88</v>
      </c>
      <c r="B84" s="2" t="str" cm="1">
        <f t="array" aca="1" ref="B84" ca="1">INDEX($C$1:$G$1,1,RANDBETWEEN(1,5))</f>
        <v>C</v>
      </c>
      <c r="C84" s="2" t="str">
        <f t="shared" ca="1" si="8"/>
        <v>Ég</v>
      </c>
      <c r="D84" s="2" t="str">
        <f t="shared" ca="1" si="9"/>
        <v/>
      </c>
      <c r="E84" s="2" t="str">
        <f t="shared" ca="1" si="10"/>
        <v>Ég</v>
      </c>
      <c r="F84" s="2" t="str">
        <f t="shared" ca="1" si="11"/>
        <v/>
      </c>
      <c r="G84" s="2" t="str">
        <f t="shared" ca="1" si="12"/>
        <v/>
      </c>
      <c r="H84" s="2">
        <f t="shared" ca="1" si="13"/>
        <v>2</v>
      </c>
    </row>
    <row r="85" spans="1:8" x14ac:dyDescent="0.25">
      <c r="A85" s="2" t="s">
        <v>89</v>
      </c>
      <c r="B85" s="2" t="str" cm="1">
        <f t="array" aca="1" ref="B85" ca="1">INDEX($C$1:$G$1,1,RANDBETWEEN(1,5))</f>
        <v>D</v>
      </c>
      <c r="C85" s="2" t="str">
        <f t="shared" ca="1" si="8"/>
        <v>Ég</v>
      </c>
      <c r="D85" s="2" t="str">
        <f t="shared" ca="1" si="9"/>
        <v/>
      </c>
      <c r="E85" s="2" t="str">
        <f t="shared" ca="1" si="10"/>
        <v>Ég</v>
      </c>
      <c r="F85" s="2" t="str">
        <f t="shared" ca="1" si="11"/>
        <v>Ég</v>
      </c>
      <c r="G85" s="2" t="str">
        <f t="shared" ca="1" si="12"/>
        <v/>
      </c>
      <c r="H85" s="2">
        <f t="shared" ca="1" si="13"/>
        <v>3</v>
      </c>
    </row>
    <row r="86" spans="1:8" x14ac:dyDescent="0.25">
      <c r="A86" s="2" t="s">
        <v>90</v>
      </c>
      <c r="B86" s="2" t="str" cm="1">
        <f t="array" aca="1" ref="B86" ca="1">INDEX($C$1:$G$1,1,RANDBETWEEN(1,5))</f>
        <v>B</v>
      </c>
      <c r="C86" s="2" t="str">
        <f t="shared" ca="1" si="8"/>
        <v>Ég</v>
      </c>
      <c r="D86" s="2" t="str">
        <f t="shared" ca="1" si="9"/>
        <v>Ég</v>
      </c>
      <c r="E86" s="2" t="str">
        <f t="shared" ca="1" si="10"/>
        <v>Ég</v>
      </c>
      <c r="F86" s="2" t="str">
        <f t="shared" ca="1" si="11"/>
        <v>Ég</v>
      </c>
      <c r="G86" s="2" t="str">
        <f t="shared" ca="1" si="12"/>
        <v/>
      </c>
      <c r="H86" s="2">
        <f t="shared" ca="1" si="13"/>
        <v>4</v>
      </c>
    </row>
    <row r="87" spans="1:8" x14ac:dyDescent="0.25">
      <c r="A87" s="2" t="s">
        <v>91</v>
      </c>
      <c r="B87" s="2" t="str" cm="1">
        <f t="array" aca="1" ref="B87" ca="1">INDEX($C$1:$G$1,1,RANDBETWEEN(1,5))</f>
        <v>D</v>
      </c>
      <c r="C87" s="2" t="str">
        <f t="shared" ca="1" si="8"/>
        <v>Ég</v>
      </c>
      <c r="D87" s="2" t="str">
        <f t="shared" ca="1" si="9"/>
        <v>Ég</v>
      </c>
      <c r="E87" s="2" t="str">
        <f t="shared" ca="1" si="10"/>
        <v>Ég</v>
      </c>
      <c r="F87" s="2" t="str">
        <f t="shared" ca="1" si="11"/>
        <v/>
      </c>
      <c r="G87" s="2" t="str">
        <f t="shared" ca="1" si="12"/>
        <v/>
      </c>
      <c r="H87" s="2">
        <f t="shared" ca="1" si="13"/>
        <v>3</v>
      </c>
    </row>
    <row r="88" spans="1:8" x14ac:dyDescent="0.25">
      <c r="A88" s="2" t="s">
        <v>92</v>
      </c>
      <c r="B88" s="2" t="str" cm="1">
        <f t="array" aca="1" ref="B88" ca="1">INDEX($C$1:$G$1,1,RANDBETWEEN(1,5))</f>
        <v>B</v>
      </c>
      <c r="C88" s="2" t="str">
        <f t="shared" ca="1" si="8"/>
        <v>Ég</v>
      </c>
      <c r="D88" s="2" t="str">
        <f t="shared" ca="1" si="9"/>
        <v/>
      </c>
      <c r="E88" s="2" t="str">
        <f t="shared" ca="1" si="10"/>
        <v>Ég</v>
      </c>
      <c r="F88" s="2" t="str">
        <f t="shared" ca="1" si="11"/>
        <v/>
      </c>
      <c r="G88" s="2" t="str">
        <f t="shared" ca="1" si="12"/>
        <v/>
      </c>
      <c r="H88" s="2">
        <f t="shared" ca="1" si="13"/>
        <v>2</v>
      </c>
    </row>
    <row r="89" spans="1:8" x14ac:dyDescent="0.25">
      <c r="A89" s="2" t="s">
        <v>93</v>
      </c>
      <c r="B89" s="2" t="str" cm="1">
        <f t="array" aca="1" ref="B89" ca="1">INDEX($C$1:$G$1,1,RANDBETWEEN(1,5))</f>
        <v>D</v>
      </c>
      <c r="C89" s="2" t="str">
        <f t="shared" ca="1" si="8"/>
        <v>Ég</v>
      </c>
      <c r="D89" s="2" t="str">
        <f t="shared" ca="1" si="9"/>
        <v/>
      </c>
      <c r="E89" s="2" t="str">
        <f t="shared" ca="1" si="10"/>
        <v>Ég</v>
      </c>
      <c r="F89" s="2" t="str">
        <f t="shared" ca="1" si="11"/>
        <v>Ég</v>
      </c>
      <c r="G89" s="2" t="str">
        <f t="shared" ca="1" si="12"/>
        <v/>
      </c>
      <c r="H89" s="2">
        <f t="shared" ca="1" si="13"/>
        <v>3</v>
      </c>
    </row>
    <row r="90" spans="1:8" x14ac:dyDescent="0.25">
      <c r="A90" s="2" t="s">
        <v>94</v>
      </c>
      <c r="B90" s="2" t="str" cm="1">
        <f t="array" aca="1" ref="B90" ca="1">INDEX($C$1:$G$1,1,RANDBETWEEN(1,5))</f>
        <v>A</v>
      </c>
      <c r="C90" s="2" t="str">
        <f t="shared" ca="1" si="8"/>
        <v/>
      </c>
      <c r="D90" s="2" t="str">
        <f t="shared" ca="1" si="9"/>
        <v/>
      </c>
      <c r="E90" s="2" t="str">
        <f t="shared" ca="1" si="10"/>
        <v>Ég</v>
      </c>
      <c r="F90" s="2" t="str">
        <f t="shared" ca="1" si="11"/>
        <v>Ég</v>
      </c>
      <c r="G90" s="2" t="str">
        <f t="shared" ca="1" si="12"/>
        <v/>
      </c>
      <c r="H90" s="2">
        <f t="shared" ca="1" si="13"/>
        <v>2</v>
      </c>
    </row>
    <row r="91" spans="1:8" x14ac:dyDescent="0.25">
      <c r="A91" s="2" t="s">
        <v>95</v>
      </c>
      <c r="B91" s="2" t="str" cm="1">
        <f t="array" aca="1" ref="B91" ca="1">INDEX($C$1:$G$1,1,RANDBETWEEN(1,5))</f>
        <v>B</v>
      </c>
      <c r="C91" s="2" t="str">
        <f t="shared" ca="1" si="8"/>
        <v/>
      </c>
      <c r="D91" s="2" t="str">
        <f t="shared" ca="1" si="9"/>
        <v>Ég</v>
      </c>
      <c r="E91" s="2" t="str">
        <f t="shared" ca="1" si="10"/>
        <v>Ég</v>
      </c>
      <c r="F91" s="2" t="str">
        <f t="shared" ca="1" si="11"/>
        <v>Ég</v>
      </c>
      <c r="G91" s="2" t="str">
        <f t="shared" ca="1" si="12"/>
        <v/>
      </c>
      <c r="H91" s="2">
        <f t="shared" ca="1" si="13"/>
        <v>3</v>
      </c>
    </row>
    <row r="92" spans="1:8" x14ac:dyDescent="0.25">
      <c r="A92" s="2" t="s">
        <v>96</v>
      </c>
      <c r="B92" s="2" t="str" cm="1">
        <f t="array" aca="1" ref="B92" ca="1">INDEX($C$1:$G$1,1,RANDBETWEEN(1,5))</f>
        <v>D</v>
      </c>
      <c r="C92" s="2" t="str">
        <f t="shared" ca="1" si="8"/>
        <v/>
      </c>
      <c r="D92" s="2" t="str">
        <f t="shared" ca="1" si="9"/>
        <v>Ég</v>
      </c>
      <c r="E92" s="2" t="str">
        <f t="shared" ca="1" si="10"/>
        <v>Ég</v>
      </c>
      <c r="F92" s="2" t="str">
        <f t="shared" ca="1" si="11"/>
        <v/>
      </c>
      <c r="G92" s="2" t="str">
        <f t="shared" ca="1" si="12"/>
        <v/>
      </c>
      <c r="H92" s="2">
        <f t="shared" ca="1" si="13"/>
        <v>2</v>
      </c>
    </row>
    <row r="93" spans="1:8" x14ac:dyDescent="0.25">
      <c r="A93" s="2" t="s">
        <v>97</v>
      </c>
      <c r="B93" s="2" t="str" cm="1">
        <f t="array" aca="1" ref="B93" ca="1">INDEX($C$1:$G$1,1,RANDBETWEEN(1,5))</f>
        <v>B</v>
      </c>
      <c r="C93" s="2" t="str">
        <f t="shared" ca="1" si="8"/>
        <v/>
      </c>
      <c r="D93" s="2" t="str">
        <f t="shared" ca="1" si="9"/>
        <v/>
      </c>
      <c r="E93" s="2" t="str">
        <f t="shared" ca="1" si="10"/>
        <v>Ég</v>
      </c>
      <c r="F93" s="2" t="str">
        <f t="shared" ca="1" si="11"/>
        <v/>
      </c>
      <c r="G93" s="2" t="str">
        <f t="shared" ca="1" si="12"/>
        <v/>
      </c>
      <c r="H93" s="2">
        <f t="shared" ca="1" si="13"/>
        <v>1</v>
      </c>
    </row>
    <row r="94" spans="1:8" x14ac:dyDescent="0.25">
      <c r="A94" s="2" t="s">
        <v>98</v>
      </c>
      <c r="B94" s="2" t="str" cm="1">
        <f t="array" aca="1" ref="B94" ca="1">INDEX($C$1:$G$1,1,RANDBETWEEN(1,5))</f>
        <v>D</v>
      </c>
      <c r="C94" s="2" t="str">
        <f t="shared" ca="1" si="8"/>
        <v/>
      </c>
      <c r="D94" s="2" t="str">
        <f t="shared" ca="1" si="9"/>
        <v/>
      </c>
      <c r="E94" s="2" t="str">
        <f t="shared" ca="1" si="10"/>
        <v>Ég</v>
      </c>
      <c r="F94" s="2" t="str">
        <f t="shared" ca="1" si="11"/>
        <v>Ég</v>
      </c>
      <c r="G94" s="2" t="str">
        <f t="shared" ca="1" si="12"/>
        <v/>
      </c>
      <c r="H94" s="2">
        <f t="shared" ca="1" si="13"/>
        <v>2</v>
      </c>
    </row>
    <row r="95" spans="1:8" x14ac:dyDescent="0.25">
      <c r="A95" s="2" t="s">
        <v>99</v>
      </c>
      <c r="B95" s="2" t="str" cm="1">
        <f t="array" aca="1" ref="B95" ca="1">INDEX($C$1:$G$1,1,RANDBETWEEN(1,5))</f>
        <v>B</v>
      </c>
      <c r="C95" s="2" t="str">
        <f t="shared" ca="1" si="8"/>
        <v/>
      </c>
      <c r="D95" s="2" t="str">
        <f t="shared" ca="1" si="9"/>
        <v>Ég</v>
      </c>
      <c r="E95" s="2" t="str">
        <f t="shared" ca="1" si="10"/>
        <v>Ég</v>
      </c>
      <c r="F95" s="2" t="str">
        <f t="shared" ca="1" si="11"/>
        <v>Ég</v>
      </c>
      <c r="G95" s="2" t="str">
        <f t="shared" ca="1" si="12"/>
        <v/>
      </c>
      <c r="H95" s="2">
        <f t="shared" ca="1" si="13"/>
        <v>3</v>
      </c>
    </row>
    <row r="96" spans="1:8" x14ac:dyDescent="0.25">
      <c r="A96" s="2" t="s">
        <v>100</v>
      </c>
      <c r="B96" s="2" t="str" cm="1">
        <f t="array" aca="1" ref="B96" ca="1">INDEX($C$1:$G$1,1,RANDBETWEEN(1,5))</f>
        <v>B</v>
      </c>
      <c r="C96" s="2" t="str">
        <f t="shared" ca="1" si="8"/>
        <v/>
      </c>
      <c r="D96" s="2" t="str">
        <f t="shared" ca="1" si="9"/>
        <v/>
      </c>
      <c r="E96" s="2" t="str">
        <f t="shared" ca="1" si="10"/>
        <v>Ég</v>
      </c>
      <c r="F96" s="2" t="str">
        <f t="shared" ca="1" si="11"/>
        <v>Ég</v>
      </c>
      <c r="G96" s="2" t="str">
        <f t="shared" ca="1" si="12"/>
        <v/>
      </c>
      <c r="H96" s="2">
        <f t="shared" ca="1" si="13"/>
        <v>2</v>
      </c>
    </row>
    <row r="97" spans="1:8" x14ac:dyDescent="0.25">
      <c r="A97" s="2" t="s">
        <v>101</v>
      </c>
      <c r="B97" s="2" t="str" cm="1">
        <f t="array" aca="1" ref="B97" ca="1">INDEX($C$1:$G$1,1,RANDBETWEEN(1,5))</f>
        <v>A</v>
      </c>
      <c r="C97" s="2" t="str">
        <f t="shared" ca="1" si="8"/>
        <v>Ég</v>
      </c>
      <c r="D97" s="2" t="str">
        <f t="shared" ca="1" si="9"/>
        <v/>
      </c>
      <c r="E97" s="2" t="str">
        <f t="shared" ca="1" si="10"/>
        <v>Ég</v>
      </c>
      <c r="F97" s="2" t="str">
        <f t="shared" ca="1" si="11"/>
        <v>Ég</v>
      </c>
      <c r="G97" s="2" t="str">
        <f t="shared" ca="1" si="12"/>
        <v/>
      </c>
      <c r="H97" s="2">
        <f t="shared" ca="1" si="13"/>
        <v>3</v>
      </c>
    </row>
    <row r="98" spans="1:8" x14ac:dyDescent="0.25">
      <c r="A98" s="2" t="s">
        <v>102</v>
      </c>
      <c r="B98" s="2" t="str" cm="1">
        <f t="array" aca="1" ref="B98" ca="1">INDEX($C$1:$G$1,1,RANDBETWEEN(1,5))</f>
        <v>B</v>
      </c>
      <c r="C98" s="2" t="str">
        <f t="shared" ca="1" si="8"/>
        <v>Ég</v>
      </c>
      <c r="D98" s="2" t="str">
        <f t="shared" ca="1" si="9"/>
        <v>Ég</v>
      </c>
      <c r="E98" s="2" t="str">
        <f t="shared" ca="1" si="10"/>
        <v>Ég</v>
      </c>
      <c r="F98" s="2" t="str">
        <f t="shared" ca="1" si="11"/>
        <v>Ég</v>
      </c>
      <c r="G98" s="2" t="str">
        <f t="shared" ca="1" si="12"/>
        <v/>
      </c>
      <c r="H98" s="2">
        <f t="shared" ca="1" si="13"/>
        <v>4</v>
      </c>
    </row>
    <row r="99" spans="1:8" x14ac:dyDescent="0.25">
      <c r="A99" s="2" t="s">
        <v>103</v>
      </c>
      <c r="B99" s="2" t="str" cm="1">
        <f t="array" aca="1" ref="B99" ca="1">INDEX($C$1:$G$1,1,RANDBETWEEN(1,5))</f>
        <v>B</v>
      </c>
      <c r="C99" s="2" t="str">
        <f t="shared" ca="1" si="8"/>
        <v>Ég</v>
      </c>
      <c r="D99" s="2" t="str">
        <f t="shared" ca="1" si="9"/>
        <v/>
      </c>
      <c r="E99" s="2" t="str">
        <f t="shared" ca="1" si="10"/>
        <v>Ég</v>
      </c>
      <c r="F99" s="2" t="str">
        <f t="shared" ca="1" si="11"/>
        <v>Ég</v>
      </c>
      <c r="G99" s="2" t="str">
        <f t="shared" ca="1" si="12"/>
        <v/>
      </c>
      <c r="H99" s="2">
        <f t="shared" ca="1" si="13"/>
        <v>3</v>
      </c>
    </row>
    <row r="100" spans="1:8" x14ac:dyDescent="0.25">
      <c r="A100" s="2" t="s">
        <v>104</v>
      </c>
      <c r="B100" s="2" t="str" cm="1">
        <f t="array" aca="1" ref="B100" ca="1">INDEX($C$1:$G$1,1,RANDBETWEEN(1,5))</f>
        <v>E</v>
      </c>
      <c r="C100" s="2" t="str">
        <f t="shared" ca="1" si="8"/>
        <v>Ég</v>
      </c>
      <c r="D100" s="2" t="str">
        <f t="shared" ca="1" si="9"/>
        <v/>
      </c>
      <c r="E100" s="2" t="str">
        <f t="shared" ca="1" si="10"/>
        <v>Ég</v>
      </c>
      <c r="F100" s="2" t="str">
        <f t="shared" ca="1" si="11"/>
        <v>Ég</v>
      </c>
      <c r="G100" s="2" t="str">
        <f t="shared" ca="1" si="12"/>
        <v>Ég</v>
      </c>
      <c r="H100" s="2">
        <f t="shared" ca="1" si="13"/>
        <v>4</v>
      </c>
    </row>
    <row r="101" spans="1:8" x14ac:dyDescent="0.25">
      <c r="A101" s="2" t="s">
        <v>105</v>
      </c>
      <c r="B101" s="2" t="str" cm="1">
        <f t="array" aca="1" ref="B101" ca="1">INDEX($C$1:$G$1,1,RANDBETWEEN(1,5))</f>
        <v>A</v>
      </c>
      <c r="C101" s="2" t="str">
        <f t="shared" ca="1" si="8"/>
        <v/>
      </c>
      <c r="D101" s="2" t="str">
        <f t="shared" ca="1" si="9"/>
        <v/>
      </c>
      <c r="E101" s="2" t="str">
        <f t="shared" ca="1" si="10"/>
        <v>Ég</v>
      </c>
      <c r="F101" s="2" t="str">
        <f t="shared" ca="1" si="11"/>
        <v>Ég</v>
      </c>
      <c r="G101" s="2" t="str">
        <f t="shared" ca="1" si="12"/>
        <v>Ég</v>
      </c>
      <c r="H101" s="2">
        <f t="shared" ca="1" si="13"/>
        <v>3</v>
      </c>
    </row>
    <row r="102" spans="1:8" x14ac:dyDescent="0.25">
      <c r="A102" s="2" t="s">
        <v>106</v>
      </c>
      <c r="B102" s="2" t="str" cm="1">
        <f t="array" aca="1" ref="B102" ca="1">INDEX($C$1:$G$1,1,RANDBETWEEN(1,5))</f>
        <v>E</v>
      </c>
      <c r="C102" s="2" t="str">
        <f t="shared" ca="1" si="8"/>
        <v/>
      </c>
      <c r="D102" s="2" t="str">
        <f t="shared" ca="1" si="9"/>
        <v/>
      </c>
      <c r="E102" s="2" t="str">
        <f t="shared" ca="1" si="10"/>
        <v>Ég</v>
      </c>
      <c r="F102" s="2" t="str">
        <f t="shared" ca="1" si="11"/>
        <v>Ég</v>
      </c>
      <c r="G102" s="2" t="str">
        <f t="shared" ca="1" si="12"/>
        <v/>
      </c>
      <c r="H102" s="2">
        <f t="shared" ca="1" si="13"/>
        <v>2</v>
      </c>
    </row>
  </sheetData>
  <phoneticPr fontId="1" type="noConversion"/>
  <conditionalFormatting sqref="C3:G103">
    <cfRule type="expression" dxfId="0" priority="2">
      <formula>$H3=5</formula>
    </cfRule>
  </conditionalFormatting>
  <pageMargins left="0.7" right="0.7" top="0.75" bottom="0.75" header="0.3" footer="0.3"/>
  <pageSetup paperSize="9" orientation="portrait" horizontalDpi="4294967293" verticalDpi="4294967293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Munkalapok</vt:lpstr>
      </vt:variant>
      <vt:variant>
        <vt:i4>1</vt:i4>
      </vt:variant>
    </vt:vector>
  </HeadingPairs>
  <TitlesOfParts>
    <vt:vector size="1" baseType="lpstr">
      <vt:lpstr>lampak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sombi</dc:creator>
  <cp:lastModifiedBy>Zsombi</cp:lastModifiedBy>
  <dcterms:created xsi:type="dcterms:W3CDTF">2020-11-27T12:04:07Z</dcterms:created>
  <dcterms:modified xsi:type="dcterms:W3CDTF">2020-11-27T13:10:23Z</dcterms:modified>
</cp:coreProperties>
</file>